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connections.xml" ContentType="application/vnd.openxmlformats-officedocument.spreadsheetml.connections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queryTables/queryTable1.xml" ContentType="application/vnd.openxmlformats-officedocument.spreadsheetml.query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dinrsvm01\userdata\s00150\Desktop\"/>
    </mc:Choice>
  </mc:AlternateContent>
  <bookViews>
    <workbookView xWindow="-15" yWindow="-15" windowWidth="20505" windowHeight="8085"/>
  </bookViews>
  <sheets>
    <sheet name="有料老人ホーム(島根）" sheetId="6" r:id="rId1"/>
  </sheets>
  <definedNames>
    <definedName name="_xlnm.Print_Area" localSheetId="0">'有料老人ホーム(島根）'!$A$1:$S$75</definedName>
    <definedName name="_xlnm.Print_Titles" localSheetId="0">'有料老人ホーム(島根）'!$1:$1</definedName>
    <definedName name="text" localSheetId="0">'有料老人ホーム(島根）'!$U$2:$V$75</definedName>
  </definedNames>
  <calcPr calcId="162913"/>
</workbook>
</file>

<file path=xl/connections.xml><?xml version="1.0" encoding="utf-8"?>
<connections xmlns="http://schemas.openxmlformats.org/spreadsheetml/2006/main">
  <connection id="1" name="text1" type="6" refreshedVersion="4" background="1" saveData="1">
    <textPr codePage="932" sourceFile="C:\Users\s00150\Documents\md_情報政策課_2017_01\オープンデータ_170217\170227_高齢者福祉課\②有料老人ホーム\text.txt" delimited="0">
      <textFields count="3">
        <textField/>
        <textField position="10"/>
        <textField position="22"/>
      </textFields>
    </textPr>
  </connection>
</connections>
</file>

<file path=xl/sharedStrings.xml><?xml version="1.0" encoding="utf-8"?>
<sst xmlns="http://schemas.openxmlformats.org/spreadsheetml/2006/main" count="1060" uniqueCount="627">
  <si>
    <t>定員</t>
    <rPh sb="0" eb="2">
      <t>テイイン</t>
    </rPh>
    <phoneticPr fontId="2"/>
  </si>
  <si>
    <t>入居一時金</t>
    <rPh sb="0" eb="2">
      <t>ニュウキョ</t>
    </rPh>
    <rPh sb="2" eb="5">
      <t>イチジキン</t>
    </rPh>
    <phoneticPr fontId="2"/>
  </si>
  <si>
    <t>　床面積</t>
    <rPh sb="1" eb="2">
      <t>ユカ</t>
    </rPh>
    <rPh sb="2" eb="4">
      <t>メンセキ</t>
    </rPh>
    <phoneticPr fontId="2"/>
  </si>
  <si>
    <t>無</t>
    <rPh sb="0" eb="1">
      <t>ナ</t>
    </rPh>
    <phoneticPr fontId="2"/>
  </si>
  <si>
    <t>圏域</t>
    <rPh sb="0" eb="2">
      <t>ケンイキ</t>
    </rPh>
    <phoneticPr fontId="2"/>
  </si>
  <si>
    <t>15万円</t>
    <rPh sb="2" eb="4">
      <t>マンエン</t>
    </rPh>
    <phoneticPr fontId="2"/>
  </si>
  <si>
    <t>Ｎｏ</t>
    <phoneticPr fontId="2"/>
  </si>
  <si>
    <t>施設名</t>
    <rPh sb="0" eb="3">
      <t>シセツメイ</t>
    </rPh>
    <phoneticPr fontId="2"/>
  </si>
  <si>
    <t>松江</t>
    <rPh sb="0" eb="2">
      <t>マツエ</t>
    </rPh>
    <phoneticPr fontId="2"/>
  </si>
  <si>
    <t>あおぞら八重垣</t>
    <rPh sb="4" eb="6">
      <t>ヤエ</t>
    </rPh>
    <rPh sb="6" eb="7">
      <t>カキ</t>
    </rPh>
    <phoneticPr fontId="2"/>
  </si>
  <si>
    <t>松江市佐草町１９４番地１</t>
    <rPh sb="0" eb="3">
      <t>マツエシ</t>
    </rPh>
    <rPh sb="3" eb="5">
      <t>サクサ</t>
    </rPh>
    <rPh sb="5" eb="6">
      <t>チョウ</t>
    </rPh>
    <rPh sb="9" eb="11">
      <t>バンチ</t>
    </rPh>
    <phoneticPr fontId="2"/>
  </si>
  <si>
    <t>0852-53-0810</t>
    <phoneticPr fontId="2"/>
  </si>
  <si>
    <t>80万円</t>
    <rPh sb="2" eb="4">
      <t>マンエン</t>
    </rPh>
    <phoneticPr fontId="2"/>
  </si>
  <si>
    <t>アゼリア</t>
  </si>
  <si>
    <t>0852-60-5860</t>
    <phoneticPr fontId="2"/>
  </si>
  <si>
    <t>松江市黒田町475-7</t>
    <rPh sb="0" eb="3">
      <t>マツエシ</t>
    </rPh>
    <rPh sb="3" eb="6">
      <t>クロダチョウ</t>
    </rPh>
    <phoneticPr fontId="2"/>
  </si>
  <si>
    <t>出雲</t>
    <rPh sb="0" eb="2">
      <t>イズモ</t>
    </rPh>
    <phoneticPr fontId="2"/>
  </si>
  <si>
    <t>出雲市西林木町33番地１</t>
    <rPh sb="0" eb="3">
      <t>イズモシ</t>
    </rPh>
    <rPh sb="3" eb="4">
      <t>ニシ</t>
    </rPh>
    <rPh sb="4" eb="5">
      <t>ハヤシ</t>
    </rPh>
    <rPh sb="5" eb="6">
      <t>キ</t>
    </rPh>
    <rPh sb="6" eb="7">
      <t>チョウ</t>
    </rPh>
    <rPh sb="9" eb="10">
      <t>バン</t>
    </rPh>
    <rPh sb="10" eb="11">
      <t>チ</t>
    </rPh>
    <phoneticPr fontId="2"/>
  </si>
  <si>
    <t>鳳光苑</t>
    <rPh sb="0" eb="1">
      <t>ホウオウ</t>
    </rPh>
    <rPh sb="1" eb="2">
      <t>ヒカリ</t>
    </rPh>
    <rPh sb="2" eb="3">
      <t>エン</t>
    </rPh>
    <phoneticPr fontId="2"/>
  </si>
  <si>
    <t>0853-73-7368</t>
    <phoneticPr fontId="2"/>
  </si>
  <si>
    <t>30万円</t>
    <rPh sb="2" eb="4">
      <t>マンエン</t>
    </rPh>
    <phoneticPr fontId="2"/>
  </si>
  <si>
    <t>ホーム・スイートホームきらり</t>
    <phoneticPr fontId="2"/>
  </si>
  <si>
    <t>0853-43-7005</t>
    <phoneticPr fontId="2"/>
  </si>
  <si>
    <t>出雲市湖陵町二部1192-1</t>
    <rPh sb="0" eb="3">
      <t>イズモシ</t>
    </rPh>
    <rPh sb="3" eb="6">
      <t>コリョウチョウ</t>
    </rPh>
    <rPh sb="6" eb="7">
      <t>ニ</t>
    </rPh>
    <rPh sb="7" eb="8">
      <t>ベ</t>
    </rPh>
    <phoneticPr fontId="2"/>
  </si>
  <si>
    <t>県央</t>
    <rPh sb="0" eb="2">
      <t>ケンオウ</t>
    </rPh>
    <phoneticPr fontId="2"/>
  </si>
  <si>
    <t>故郷</t>
    <rPh sb="0" eb="2">
      <t>フルサト</t>
    </rPh>
    <phoneticPr fontId="2"/>
  </si>
  <si>
    <t>300万円</t>
    <rPh sb="3" eb="5">
      <t>マンエン</t>
    </rPh>
    <phoneticPr fontId="2"/>
  </si>
  <si>
    <t>邑智郡邑南町下田所1083-1</t>
    <rPh sb="0" eb="3">
      <t>オオチグン</t>
    </rPh>
    <rPh sb="3" eb="4">
      <t>ムラ</t>
    </rPh>
    <rPh sb="4" eb="5">
      <t>ナン</t>
    </rPh>
    <rPh sb="5" eb="6">
      <t>ミズホチョウ</t>
    </rPh>
    <rPh sb="6" eb="7">
      <t>シタ</t>
    </rPh>
    <rPh sb="7" eb="8">
      <t>タ</t>
    </rPh>
    <rPh sb="8" eb="9">
      <t>トコロ</t>
    </rPh>
    <phoneticPr fontId="2"/>
  </si>
  <si>
    <t>浜田</t>
    <rPh sb="0" eb="2">
      <t>ハマダ</t>
    </rPh>
    <phoneticPr fontId="2"/>
  </si>
  <si>
    <t>さくらが丘</t>
    <rPh sb="4" eb="5">
      <t>オカ</t>
    </rPh>
    <phoneticPr fontId="2"/>
  </si>
  <si>
    <t>江津市桜江町小田856-10</t>
    <rPh sb="0" eb="3">
      <t>ゴウツシ</t>
    </rPh>
    <rPh sb="3" eb="6">
      <t>サクラエチョウ</t>
    </rPh>
    <rPh sb="6" eb="8">
      <t>オダ</t>
    </rPh>
    <phoneticPr fontId="2"/>
  </si>
  <si>
    <t>有福</t>
    <rPh sb="0" eb="2">
      <t>アリフク</t>
    </rPh>
    <phoneticPr fontId="2"/>
  </si>
  <si>
    <t>江津市有福温泉町546</t>
    <rPh sb="0" eb="3">
      <t>ゴウツシ</t>
    </rPh>
    <rPh sb="3" eb="5">
      <t>アリフク</t>
    </rPh>
    <rPh sb="5" eb="7">
      <t>オンセン</t>
    </rPh>
    <rPh sb="7" eb="8">
      <t>マチ</t>
    </rPh>
    <phoneticPr fontId="2"/>
  </si>
  <si>
    <t>とびの郷ゆうなぎ</t>
    <rPh sb="3" eb="4">
      <t>サト</t>
    </rPh>
    <phoneticPr fontId="2"/>
  </si>
  <si>
    <t>浜田市治和町214-1</t>
    <rPh sb="0" eb="3">
      <t>ハマダシ</t>
    </rPh>
    <rPh sb="3" eb="4">
      <t>オサム</t>
    </rPh>
    <rPh sb="4" eb="5">
      <t>ワ</t>
    </rPh>
    <rPh sb="5" eb="6">
      <t>マチ</t>
    </rPh>
    <phoneticPr fontId="2"/>
  </si>
  <si>
    <t>益田</t>
    <rPh sb="0" eb="2">
      <t>マスダ</t>
    </rPh>
    <phoneticPr fontId="2"/>
  </si>
  <si>
    <t>益田市津田町1476-1</t>
    <rPh sb="0" eb="3">
      <t>マスダシ</t>
    </rPh>
    <rPh sb="3" eb="6">
      <t>ツダチョウ</t>
    </rPh>
    <phoneticPr fontId="2"/>
  </si>
  <si>
    <t>0856-31-7345</t>
    <phoneticPr fontId="2"/>
  </si>
  <si>
    <t>益田市遠田町179-2</t>
    <rPh sb="0" eb="3">
      <t>マスダシ</t>
    </rPh>
    <rPh sb="3" eb="6">
      <t>トオダチョウ</t>
    </rPh>
    <phoneticPr fontId="2"/>
  </si>
  <si>
    <t>所在地</t>
    <rPh sb="0" eb="3">
      <t>ショザイチ</t>
    </rPh>
    <phoneticPr fontId="2"/>
  </si>
  <si>
    <t>693-0021</t>
    <phoneticPr fontId="2"/>
  </si>
  <si>
    <t>0853-20-1411</t>
    <phoneticPr fontId="2"/>
  </si>
  <si>
    <t>もやいの家ひきみ</t>
    <rPh sb="4" eb="5">
      <t>イエ</t>
    </rPh>
    <phoneticPr fontId="2"/>
  </si>
  <si>
    <t>益田市匹見町匹見イ50-1</t>
    <rPh sb="0" eb="3">
      <t>マスダシ</t>
    </rPh>
    <rPh sb="3" eb="6">
      <t>ヒキミチョウ</t>
    </rPh>
    <rPh sb="6" eb="8">
      <t>ヒキミ</t>
    </rPh>
    <phoneticPr fontId="2"/>
  </si>
  <si>
    <t>すずかけの樹</t>
    <rPh sb="5" eb="6">
      <t>キ</t>
    </rPh>
    <phoneticPr fontId="2"/>
  </si>
  <si>
    <t>松江市上乃木10丁目2番14号</t>
    <rPh sb="0" eb="3">
      <t>マツエシ</t>
    </rPh>
    <rPh sb="3" eb="6">
      <t>アゲノギ</t>
    </rPh>
    <rPh sb="8" eb="10">
      <t>チョウメ</t>
    </rPh>
    <rPh sb="11" eb="12">
      <t>バン</t>
    </rPh>
    <rPh sb="14" eb="15">
      <t>ゴウ</t>
    </rPh>
    <phoneticPr fontId="2"/>
  </si>
  <si>
    <t>共生の家</t>
    <rPh sb="0" eb="2">
      <t>キョウセイ</t>
    </rPh>
    <rPh sb="3" eb="4">
      <t>イエ</t>
    </rPh>
    <phoneticPr fontId="2"/>
  </si>
  <si>
    <t>浜田市相生町3937</t>
    <rPh sb="0" eb="3">
      <t>ハマダシ</t>
    </rPh>
    <rPh sb="3" eb="5">
      <t>アイオイ</t>
    </rPh>
    <rPh sb="5" eb="6">
      <t>マチ</t>
    </rPh>
    <phoneticPr fontId="2"/>
  </si>
  <si>
    <t>20万円</t>
    <rPh sb="2" eb="4">
      <t>マンエン</t>
    </rPh>
    <phoneticPr fontId="2"/>
  </si>
  <si>
    <t>設置主体</t>
    <rPh sb="0" eb="2">
      <t>セッチ</t>
    </rPh>
    <rPh sb="2" eb="4">
      <t>シュタイ</t>
    </rPh>
    <phoneticPr fontId="2"/>
  </si>
  <si>
    <t>（株）SWAN</t>
    <rPh sb="1" eb="2">
      <t>カブ</t>
    </rPh>
    <phoneticPr fontId="2"/>
  </si>
  <si>
    <t>(株)ケアガイド</t>
    <rPh sb="0" eb="3">
      <t>カブ</t>
    </rPh>
    <phoneticPr fontId="2"/>
  </si>
  <si>
    <t>(医)水澄み会</t>
    <rPh sb="1" eb="2">
      <t>イ</t>
    </rPh>
    <rPh sb="3" eb="4">
      <t>ミズ</t>
    </rPh>
    <rPh sb="4" eb="5">
      <t>スミ</t>
    </rPh>
    <rPh sb="6" eb="7">
      <t>カイ</t>
    </rPh>
    <phoneticPr fontId="2"/>
  </si>
  <si>
    <t>(株)祥福</t>
    <rPh sb="0" eb="3">
      <t>カブ</t>
    </rPh>
    <rPh sb="3" eb="4">
      <t>ショ</t>
    </rPh>
    <rPh sb="4" eb="5">
      <t>フク</t>
    </rPh>
    <phoneticPr fontId="2"/>
  </si>
  <si>
    <t>(株)松江テクノサービス</t>
    <rPh sb="0" eb="3">
      <t>カブ</t>
    </rPh>
    <rPh sb="3" eb="5">
      <t>マツエ</t>
    </rPh>
    <phoneticPr fontId="2"/>
  </si>
  <si>
    <t>(株)中林建築設計事務所</t>
    <rPh sb="0" eb="3">
      <t>カブ</t>
    </rPh>
    <rPh sb="3" eb="5">
      <t>ナカバヤシ</t>
    </rPh>
    <rPh sb="5" eb="7">
      <t>ケンチク</t>
    </rPh>
    <rPh sb="7" eb="9">
      <t>セッケイ</t>
    </rPh>
    <rPh sb="9" eb="12">
      <t>ジムショ</t>
    </rPh>
    <phoneticPr fontId="2"/>
  </si>
  <si>
    <t>(株)ヘルスケア一光</t>
    <rPh sb="0" eb="3">
      <t>カブ</t>
    </rPh>
    <rPh sb="8" eb="9">
      <t>イチ</t>
    </rPh>
    <rPh sb="9" eb="10">
      <t>ヒカリ</t>
    </rPh>
    <phoneticPr fontId="2"/>
  </si>
  <si>
    <t>サンライフほのぼの(有)</t>
    <rPh sb="9" eb="12">
      <t>ユウ</t>
    </rPh>
    <phoneticPr fontId="2"/>
  </si>
  <si>
    <t>ＮＰＯ法人　あじさい</t>
    <rPh sb="3" eb="5">
      <t>ホウジン</t>
    </rPh>
    <phoneticPr fontId="2"/>
  </si>
  <si>
    <t>通院介助</t>
    <rPh sb="0" eb="2">
      <t>ツウイン</t>
    </rPh>
    <rPh sb="2" eb="4">
      <t>カイジョ</t>
    </rPh>
    <phoneticPr fontId="2"/>
  </si>
  <si>
    <t>0852-20-7146</t>
    <phoneticPr fontId="2"/>
  </si>
  <si>
    <t>0852-53-0820</t>
    <phoneticPr fontId="2"/>
  </si>
  <si>
    <t>0852-60-5862</t>
    <phoneticPr fontId="2"/>
  </si>
  <si>
    <t>0852-20-6730</t>
    <phoneticPr fontId="2"/>
  </si>
  <si>
    <t>0852-20-6861</t>
    <phoneticPr fontId="2"/>
  </si>
  <si>
    <t>サン・ファミリア松江</t>
    <rPh sb="8" eb="10">
      <t>マツエ</t>
    </rPh>
    <phoneticPr fontId="2"/>
  </si>
  <si>
    <t>0852-25-6468</t>
    <phoneticPr fontId="2"/>
  </si>
  <si>
    <t>松江市学園2-11-18</t>
    <rPh sb="0" eb="2">
      <t>マツエ</t>
    </rPh>
    <rPh sb="2" eb="3">
      <t>シ</t>
    </rPh>
    <rPh sb="3" eb="5">
      <t>ガクエン</t>
    </rPh>
    <phoneticPr fontId="2"/>
  </si>
  <si>
    <t>0852-61-4077</t>
    <phoneticPr fontId="2"/>
  </si>
  <si>
    <t>｢湯の里　湖畔の家」</t>
    <rPh sb="1" eb="2">
      <t>ユ</t>
    </rPh>
    <rPh sb="3" eb="4">
      <t>サト</t>
    </rPh>
    <rPh sb="5" eb="7">
      <t>コハン</t>
    </rPh>
    <rPh sb="8" eb="9">
      <t>イエ</t>
    </rPh>
    <phoneticPr fontId="2"/>
  </si>
  <si>
    <t>0852-62-8181</t>
    <phoneticPr fontId="2"/>
  </si>
  <si>
    <t>(株)レーク・ケア</t>
    <rPh sb="0" eb="3">
      <t>カブ</t>
    </rPh>
    <phoneticPr fontId="2"/>
  </si>
  <si>
    <t>松江市玉湯町湯町334番地39</t>
    <rPh sb="0" eb="3">
      <t>マツエシ</t>
    </rPh>
    <rPh sb="3" eb="6">
      <t>タマユチョウ</t>
    </rPh>
    <rPh sb="6" eb="8">
      <t>ユマチ</t>
    </rPh>
    <rPh sb="11" eb="13">
      <t>バンチ</t>
    </rPh>
    <phoneticPr fontId="2"/>
  </si>
  <si>
    <t>有料老人ホームいこいの郷</t>
    <rPh sb="0" eb="2">
      <t>ユウリョウ</t>
    </rPh>
    <rPh sb="2" eb="4">
      <t>ロウジン</t>
    </rPh>
    <rPh sb="11" eb="12">
      <t>サト</t>
    </rPh>
    <phoneticPr fontId="2"/>
  </si>
  <si>
    <t>0853-21-6363</t>
    <phoneticPr fontId="2"/>
  </si>
  <si>
    <t>シルバ-コミュニティセンタ-</t>
    <phoneticPr fontId="2"/>
  </si>
  <si>
    <t>0853-21-6353</t>
    <phoneticPr fontId="2"/>
  </si>
  <si>
    <t>ゆうらいふ長浜</t>
    <rPh sb="5" eb="7">
      <t>ナガハマ</t>
    </rPh>
    <phoneticPr fontId="2"/>
  </si>
  <si>
    <t>0853-28-0345</t>
    <phoneticPr fontId="2"/>
  </si>
  <si>
    <t>(株)ライフサポート</t>
    <rPh sb="0" eb="3">
      <t>カブ</t>
    </rPh>
    <phoneticPr fontId="2"/>
  </si>
  <si>
    <t>出雲市荒茅町3501番地</t>
    <rPh sb="0" eb="3">
      <t>イズモシ</t>
    </rPh>
    <rPh sb="3" eb="5">
      <t>アラカヤ</t>
    </rPh>
    <rPh sb="5" eb="6">
      <t>マチ</t>
    </rPh>
    <rPh sb="10" eb="12">
      <t>バンチ</t>
    </rPh>
    <phoneticPr fontId="2"/>
  </si>
  <si>
    <t>0853-28-0339</t>
    <phoneticPr fontId="2"/>
  </si>
  <si>
    <t>0853-73-7367</t>
    <phoneticPr fontId="2"/>
  </si>
  <si>
    <t>0853-43-7006</t>
    <phoneticPr fontId="2"/>
  </si>
  <si>
    <t>0853-23-8810</t>
    <phoneticPr fontId="2"/>
  </si>
  <si>
    <t>0855-83-2222</t>
    <phoneticPr fontId="2"/>
  </si>
  <si>
    <t>ウェルファ㈱</t>
    <phoneticPr fontId="2"/>
  </si>
  <si>
    <t>0855-83-2223</t>
    <phoneticPr fontId="2"/>
  </si>
  <si>
    <t>0855-92-0220</t>
    <phoneticPr fontId="2"/>
  </si>
  <si>
    <t>0855-92-0840</t>
    <phoneticPr fontId="2"/>
  </si>
  <si>
    <t>0855-56-0234</t>
    <phoneticPr fontId="2"/>
  </si>
  <si>
    <t>0855-56-0235</t>
    <phoneticPr fontId="2"/>
  </si>
  <si>
    <t>0855-27-4882</t>
    <phoneticPr fontId="2"/>
  </si>
  <si>
    <t>0855-27-4883</t>
    <phoneticPr fontId="2"/>
  </si>
  <si>
    <t>0855-22-3030</t>
    <phoneticPr fontId="2"/>
  </si>
  <si>
    <t>0855-22-4526</t>
    <phoneticPr fontId="2"/>
  </si>
  <si>
    <t>浜田市やさかやすらぎの家</t>
    <rPh sb="0" eb="3">
      <t>ハマダシ</t>
    </rPh>
    <rPh sb="11" eb="12">
      <t>イエ</t>
    </rPh>
    <phoneticPr fontId="2"/>
  </si>
  <si>
    <t>697-1122</t>
    <phoneticPr fontId="2"/>
  </si>
  <si>
    <t>0855-48-2511</t>
    <phoneticPr fontId="2"/>
  </si>
  <si>
    <t>浜田市</t>
    <rPh sb="0" eb="3">
      <t>ハマダシ</t>
    </rPh>
    <phoneticPr fontId="2"/>
  </si>
  <si>
    <t>浜田市弥栄町木都賀イ５３０番地１</t>
    <rPh sb="0" eb="3">
      <t>ハマダシ</t>
    </rPh>
    <rPh sb="3" eb="6">
      <t>ヤサカチョウ</t>
    </rPh>
    <rPh sb="6" eb="7">
      <t>キ</t>
    </rPh>
    <rPh sb="7" eb="8">
      <t>ミヤコ</t>
    </rPh>
    <rPh sb="8" eb="9">
      <t>ガ</t>
    </rPh>
    <rPh sb="13" eb="15">
      <t>バンチ</t>
    </rPh>
    <phoneticPr fontId="2"/>
  </si>
  <si>
    <t>0855-48-2220</t>
    <phoneticPr fontId="2"/>
  </si>
  <si>
    <t>浜田市あさひやすらぎの家</t>
    <rPh sb="0" eb="3">
      <t>ハマダシ</t>
    </rPh>
    <rPh sb="11" eb="12">
      <t>イエ</t>
    </rPh>
    <phoneticPr fontId="2"/>
  </si>
  <si>
    <t>697-0422</t>
    <phoneticPr fontId="2"/>
  </si>
  <si>
    <t>浜田市旭町本郷362番地23</t>
    <rPh sb="0" eb="3">
      <t>ハマダシ</t>
    </rPh>
    <rPh sb="3" eb="5">
      <t>アサヒマチ</t>
    </rPh>
    <rPh sb="5" eb="7">
      <t>ホンゴウ</t>
    </rPh>
    <rPh sb="10" eb="12">
      <t>バンチ</t>
    </rPh>
    <phoneticPr fontId="2"/>
  </si>
  <si>
    <t>あじさい本館</t>
    <rPh sb="4" eb="6">
      <t>ホンカン</t>
    </rPh>
    <phoneticPr fontId="2"/>
  </si>
  <si>
    <t>0856-31-7272</t>
    <phoneticPr fontId="2"/>
  </si>
  <si>
    <t>0856-31-7273</t>
    <phoneticPr fontId="2"/>
  </si>
  <si>
    <t>あじさい１号館</t>
    <rPh sb="5" eb="7">
      <t>ゴウカン</t>
    </rPh>
    <phoneticPr fontId="2"/>
  </si>
  <si>
    <t>0856-31-7051</t>
    <phoneticPr fontId="2"/>
  </si>
  <si>
    <t>益田市津田町1149-6</t>
    <rPh sb="0" eb="3">
      <t>マスダシ</t>
    </rPh>
    <rPh sb="3" eb="6">
      <t>ツダチョウ</t>
    </rPh>
    <phoneticPr fontId="2"/>
  </si>
  <si>
    <t>0856-31-7052</t>
    <phoneticPr fontId="2"/>
  </si>
  <si>
    <t>0856-31-7346</t>
    <phoneticPr fontId="2"/>
  </si>
  <si>
    <t>0856-56-1515</t>
    <phoneticPr fontId="2"/>
  </si>
  <si>
    <t>690-0035</t>
    <phoneticPr fontId="2"/>
  </si>
  <si>
    <t>699-0110</t>
    <phoneticPr fontId="2"/>
  </si>
  <si>
    <t>690-0876</t>
    <phoneticPr fontId="2"/>
  </si>
  <si>
    <t>690-0825</t>
    <phoneticPr fontId="2"/>
  </si>
  <si>
    <t>699-0202</t>
    <phoneticPr fontId="2"/>
  </si>
  <si>
    <t>693-0073</t>
    <phoneticPr fontId="2"/>
  </si>
  <si>
    <t>693-0044</t>
    <phoneticPr fontId="2"/>
  </si>
  <si>
    <t>699-0505</t>
    <phoneticPr fontId="2"/>
  </si>
  <si>
    <t>699-0812</t>
    <phoneticPr fontId="2"/>
  </si>
  <si>
    <t>693-0004</t>
    <phoneticPr fontId="2"/>
  </si>
  <si>
    <t>696-0222</t>
    <phoneticPr fontId="2"/>
  </si>
  <si>
    <t>699-4225</t>
    <phoneticPr fontId="2"/>
  </si>
  <si>
    <t>695-0156</t>
    <phoneticPr fontId="2"/>
  </si>
  <si>
    <t>697-1326</t>
    <phoneticPr fontId="2"/>
  </si>
  <si>
    <t>697-0034</t>
    <phoneticPr fontId="2"/>
  </si>
  <si>
    <t>699-3671</t>
    <phoneticPr fontId="2"/>
  </si>
  <si>
    <t>699-3671</t>
    <phoneticPr fontId="2"/>
  </si>
  <si>
    <t>699-3676</t>
    <phoneticPr fontId="2"/>
  </si>
  <si>
    <t>かじかの家</t>
    <rPh sb="4" eb="5">
      <t>イエ</t>
    </rPh>
    <phoneticPr fontId="2"/>
  </si>
  <si>
    <t>692-0622</t>
    <phoneticPr fontId="2"/>
  </si>
  <si>
    <t>安来市広瀬町宇波482-21</t>
    <rPh sb="0" eb="2">
      <t>ヤスギ</t>
    </rPh>
    <rPh sb="2" eb="3">
      <t>シ</t>
    </rPh>
    <rPh sb="3" eb="6">
      <t>ヒロセチョウ</t>
    </rPh>
    <rPh sb="6" eb="7">
      <t>ウ</t>
    </rPh>
    <rPh sb="7" eb="8">
      <t>ナミ</t>
    </rPh>
    <phoneticPr fontId="2"/>
  </si>
  <si>
    <t>0854-36-9030</t>
    <phoneticPr fontId="2"/>
  </si>
  <si>
    <t>0854-36-9031</t>
    <phoneticPr fontId="2"/>
  </si>
  <si>
    <t>(有)ライフスタイル東光</t>
    <rPh sb="1" eb="2">
      <t>ユウ</t>
    </rPh>
    <rPh sb="10" eb="11">
      <t>ヒガシ</t>
    </rPh>
    <rPh sb="11" eb="12">
      <t>ヒカリ</t>
    </rPh>
    <phoneticPr fontId="2"/>
  </si>
  <si>
    <t>無</t>
    <rPh sb="0" eb="1">
      <t>ム</t>
    </rPh>
    <phoneticPr fontId="2"/>
  </si>
  <si>
    <t>大田</t>
    <rPh sb="0" eb="2">
      <t>オオダ</t>
    </rPh>
    <phoneticPr fontId="2"/>
  </si>
  <si>
    <t>50～</t>
    <phoneticPr fontId="2"/>
  </si>
  <si>
    <t>しろがねの里</t>
    <rPh sb="5" eb="6">
      <t>サト</t>
    </rPh>
    <phoneticPr fontId="2"/>
  </si>
  <si>
    <t>694-0064</t>
    <phoneticPr fontId="2"/>
  </si>
  <si>
    <t>大田市大田町大田ロ985-4</t>
    <rPh sb="0" eb="3">
      <t>オオダシ</t>
    </rPh>
    <rPh sb="3" eb="5">
      <t>オオダ</t>
    </rPh>
    <rPh sb="5" eb="6">
      <t>チョウ</t>
    </rPh>
    <rPh sb="6" eb="8">
      <t>オオダ</t>
    </rPh>
    <phoneticPr fontId="2"/>
  </si>
  <si>
    <t>0854-83-1887</t>
    <phoneticPr fontId="2"/>
  </si>
  <si>
    <t>699-3223</t>
    <phoneticPr fontId="2"/>
  </si>
  <si>
    <t>浜田市三隅町西河内667番地</t>
    <rPh sb="0" eb="3">
      <t>ハマダシ</t>
    </rPh>
    <rPh sb="3" eb="5">
      <t>ミスミ</t>
    </rPh>
    <rPh sb="5" eb="6">
      <t>チョウ</t>
    </rPh>
    <rPh sb="6" eb="7">
      <t>ニシ</t>
    </rPh>
    <rPh sb="7" eb="9">
      <t>カワチ</t>
    </rPh>
    <rPh sb="12" eb="14">
      <t>バンチ</t>
    </rPh>
    <phoneticPr fontId="2"/>
  </si>
  <si>
    <t>0855-32-2215</t>
    <phoneticPr fontId="2"/>
  </si>
  <si>
    <t>特定非営利活動法人</t>
    <rPh sb="0" eb="2">
      <t>トクテイ</t>
    </rPh>
    <rPh sb="2" eb="5">
      <t>ヒエイリ</t>
    </rPh>
    <rPh sb="5" eb="7">
      <t>カツドウ</t>
    </rPh>
    <rPh sb="7" eb="9">
      <t>ホウジン</t>
    </rPh>
    <phoneticPr fontId="2"/>
  </si>
  <si>
    <t>0855-32-2773</t>
    <phoneticPr fontId="2"/>
  </si>
  <si>
    <t>085４-83-1855</t>
    <phoneticPr fontId="2"/>
  </si>
  <si>
    <t>大東ゆりさわ</t>
    <rPh sb="0" eb="2">
      <t>ダイトウ</t>
    </rPh>
    <phoneticPr fontId="2"/>
  </si>
  <si>
    <t>0854-43-8336</t>
    <phoneticPr fontId="2"/>
  </si>
  <si>
    <t>(株)アミーゴ島根</t>
    <rPh sb="0" eb="3">
      <t>カブ</t>
    </rPh>
    <rPh sb="7" eb="9">
      <t>シマネ</t>
    </rPh>
    <phoneticPr fontId="2"/>
  </si>
  <si>
    <t>雲南</t>
    <rPh sb="0" eb="2">
      <t>ウンナン</t>
    </rPh>
    <phoneticPr fontId="2"/>
  </si>
  <si>
    <t>錦庵</t>
    <rPh sb="0" eb="1">
      <t>ニシキ</t>
    </rPh>
    <rPh sb="1" eb="2">
      <t>アン</t>
    </rPh>
    <phoneticPr fontId="2"/>
  </si>
  <si>
    <t>１0万円</t>
    <rPh sb="2" eb="4">
      <t>マンエン</t>
    </rPh>
    <phoneticPr fontId="2"/>
  </si>
  <si>
    <t>40万円</t>
    <rPh sb="2" eb="4">
      <t>マンエン</t>
    </rPh>
    <phoneticPr fontId="2"/>
  </si>
  <si>
    <t>雲南市大東町中湯石８２</t>
    <rPh sb="0" eb="3">
      <t>ウンナンシ</t>
    </rPh>
    <rPh sb="3" eb="5">
      <t>ダイトウ</t>
    </rPh>
    <rPh sb="5" eb="6">
      <t>マチ</t>
    </rPh>
    <rPh sb="6" eb="7">
      <t>ナカ</t>
    </rPh>
    <rPh sb="7" eb="8">
      <t>ユ</t>
    </rPh>
    <rPh sb="8" eb="9">
      <t>イシ</t>
    </rPh>
    <phoneticPr fontId="2"/>
  </si>
  <si>
    <t>699-1253</t>
    <phoneticPr fontId="2"/>
  </si>
  <si>
    <t>千本すずかけの樹</t>
    <rPh sb="0" eb="2">
      <t>センボン</t>
    </rPh>
    <rPh sb="7" eb="8">
      <t>ジュ</t>
    </rPh>
    <phoneticPr fontId="2"/>
  </si>
  <si>
    <t>松江市東忌部町183番地7号</t>
    <rPh sb="0" eb="2">
      <t>マツエ</t>
    </rPh>
    <rPh sb="2" eb="3">
      <t>シ</t>
    </rPh>
    <rPh sb="3" eb="4">
      <t>ヒガシ</t>
    </rPh>
    <rPh sb="4" eb="6">
      <t>イムベ</t>
    </rPh>
    <rPh sb="6" eb="7">
      <t>マチ</t>
    </rPh>
    <rPh sb="10" eb="12">
      <t>バンチ</t>
    </rPh>
    <rPh sb="13" eb="14">
      <t>ゴウ</t>
    </rPh>
    <phoneticPr fontId="2"/>
  </si>
  <si>
    <t>690-0036</t>
    <phoneticPr fontId="2"/>
  </si>
  <si>
    <t>0852-33-9110</t>
    <phoneticPr fontId="2"/>
  </si>
  <si>
    <t>あゆみの家</t>
    <rPh sb="4" eb="5">
      <t>イエ</t>
    </rPh>
    <phoneticPr fontId="2"/>
  </si>
  <si>
    <t>690-3207</t>
    <phoneticPr fontId="2"/>
  </si>
  <si>
    <t>飯石郡飯南町頓原１０７０</t>
    <rPh sb="0" eb="3">
      <t>イイシグン</t>
    </rPh>
    <rPh sb="3" eb="6">
      <t>イイナンチョウ</t>
    </rPh>
    <rPh sb="6" eb="8">
      <t>トンバラ</t>
    </rPh>
    <phoneticPr fontId="2"/>
  </si>
  <si>
    <t>0854-72-9373</t>
    <phoneticPr fontId="2"/>
  </si>
  <si>
    <t>0854-72-0881</t>
    <phoneticPr fontId="2"/>
  </si>
  <si>
    <t>(株)あゆみ</t>
    <rPh sb="0" eb="3">
      <t>カブ</t>
    </rPh>
    <phoneticPr fontId="2"/>
  </si>
  <si>
    <t>0852-33-9111</t>
    <phoneticPr fontId="2"/>
  </si>
  <si>
    <t>ささゆり</t>
    <phoneticPr fontId="2"/>
  </si>
  <si>
    <t>694-0021</t>
    <phoneticPr fontId="2"/>
  </si>
  <si>
    <t>大田市久利町行恒18-5</t>
    <rPh sb="0" eb="3">
      <t>オオダシ</t>
    </rPh>
    <rPh sb="3" eb="5">
      <t>クリ</t>
    </rPh>
    <rPh sb="5" eb="6">
      <t>マチ</t>
    </rPh>
    <rPh sb="6" eb="7">
      <t>ユ</t>
    </rPh>
    <rPh sb="7" eb="8">
      <t>コウ</t>
    </rPh>
    <phoneticPr fontId="2"/>
  </si>
  <si>
    <t>0854-82-5353</t>
    <phoneticPr fontId="2"/>
  </si>
  <si>
    <t>0854-82-5354</t>
    <phoneticPr fontId="2"/>
  </si>
  <si>
    <t>(株)来夢</t>
    <rPh sb="0" eb="3">
      <t>カブ</t>
    </rPh>
    <rPh sb="3" eb="4">
      <t>ク</t>
    </rPh>
    <rPh sb="4" eb="5">
      <t>ユメ</t>
    </rPh>
    <phoneticPr fontId="2"/>
  </si>
  <si>
    <t>太陽の里</t>
    <rPh sb="0" eb="2">
      <t>タイヨウ</t>
    </rPh>
    <rPh sb="3" eb="4">
      <t>サト</t>
    </rPh>
    <phoneticPr fontId="2"/>
  </si>
  <si>
    <t>合名会社　太陽の里</t>
    <rPh sb="0" eb="2">
      <t>ゴウメイ</t>
    </rPh>
    <rPh sb="2" eb="4">
      <t>カイシャ</t>
    </rPh>
    <rPh sb="5" eb="7">
      <t>タイヨウ</t>
    </rPh>
    <rPh sb="8" eb="9">
      <t>サト</t>
    </rPh>
    <phoneticPr fontId="2"/>
  </si>
  <si>
    <t>玉湯すずかけの樹</t>
    <rPh sb="0" eb="2">
      <t>タマユ</t>
    </rPh>
    <rPh sb="7" eb="8">
      <t>ジュ</t>
    </rPh>
    <phoneticPr fontId="2"/>
  </si>
  <si>
    <t>松江市佐草町73-1</t>
    <rPh sb="0" eb="3">
      <t>マツエシ</t>
    </rPh>
    <rPh sb="3" eb="5">
      <t>サクサ</t>
    </rPh>
    <rPh sb="5" eb="6">
      <t>チョウ</t>
    </rPh>
    <phoneticPr fontId="2"/>
  </si>
  <si>
    <t>松江市玉湯町湯町1186番地1</t>
    <rPh sb="0" eb="3">
      <t>マツエシ</t>
    </rPh>
    <rPh sb="3" eb="6">
      <t>タマユチョウ</t>
    </rPh>
    <rPh sb="6" eb="8">
      <t>ユマチ</t>
    </rPh>
    <rPh sb="12" eb="14">
      <t>バンチ</t>
    </rPh>
    <phoneticPr fontId="2"/>
  </si>
  <si>
    <t>0852-21-0897</t>
    <phoneticPr fontId="2"/>
  </si>
  <si>
    <t>0852-21-0815</t>
    <phoneticPr fontId="2"/>
  </si>
  <si>
    <t>シニアコート上乃木</t>
    <rPh sb="6" eb="9">
      <t>アゲノギ</t>
    </rPh>
    <phoneticPr fontId="2"/>
  </si>
  <si>
    <t>690-0015</t>
    <phoneticPr fontId="2"/>
  </si>
  <si>
    <t>0852-33-7523</t>
    <phoneticPr fontId="2"/>
  </si>
  <si>
    <t>（医）峻和会</t>
    <rPh sb="1" eb="2">
      <t>イ</t>
    </rPh>
    <rPh sb="3" eb="4">
      <t>シュン</t>
    </rPh>
    <rPh sb="4" eb="5">
      <t>ワ</t>
    </rPh>
    <rPh sb="5" eb="6">
      <t>カイ</t>
    </rPh>
    <phoneticPr fontId="2"/>
  </si>
  <si>
    <t>松江市上乃木3丁目11番10号</t>
    <rPh sb="0" eb="2">
      <t>マツエ</t>
    </rPh>
    <rPh sb="2" eb="3">
      <t>シ</t>
    </rPh>
    <rPh sb="3" eb="6">
      <t>アゲノギ</t>
    </rPh>
    <rPh sb="7" eb="9">
      <t>チョウメ</t>
    </rPh>
    <rPh sb="11" eb="12">
      <t>バン</t>
    </rPh>
    <rPh sb="14" eb="15">
      <t>ゴウ</t>
    </rPh>
    <phoneticPr fontId="2"/>
  </si>
  <si>
    <t>0852-32-0133</t>
    <phoneticPr fontId="2"/>
  </si>
  <si>
    <t>ふらここ</t>
    <phoneticPr fontId="2"/>
  </si>
  <si>
    <t>690-0035</t>
    <phoneticPr fontId="2"/>
  </si>
  <si>
    <t>松江保健生活協同組合</t>
    <rPh sb="0" eb="2">
      <t>マツエ</t>
    </rPh>
    <rPh sb="2" eb="4">
      <t>ホケン</t>
    </rPh>
    <rPh sb="4" eb="6">
      <t>セイカツ</t>
    </rPh>
    <rPh sb="6" eb="8">
      <t>キョウドウ</t>
    </rPh>
    <rPh sb="8" eb="10">
      <t>クミアイ</t>
    </rPh>
    <phoneticPr fontId="2"/>
  </si>
  <si>
    <t>松江市佐草町字尾尻前458-1</t>
    <rPh sb="0" eb="2">
      <t>マツエ</t>
    </rPh>
    <rPh sb="2" eb="3">
      <t>シ</t>
    </rPh>
    <rPh sb="3" eb="6">
      <t>サクサチョウ</t>
    </rPh>
    <rPh sb="6" eb="7">
      <t>アザ</t>
    </rPh>
    <rPh sb="7" eb="9">
      <t>オジリ</t>
    </rPh>
    <rPh sb="9" eb="10">
      <t>ゼン</t>
    </rPh>
    <phoneticPr fontId="2"/>
  </si>
  <si>
    <t>さくらんぼ</t>
    <phoneticPr fontId="2"/>
  </si>
  <si>
    <t>0854-75-0346</t>
    <phoneticPr fontId="2"/>
  </si>
  <si>
    <t>0854-75-0456</t>
    <phoneticPr fontId="2"/>
  </si>
  <si>
    <t>社会福祉法人よしだ福祉会</t>
    <rPh sb="0" eb="2">
      <t>シャカイ</t>
    </rPh>
    <rPh sb="2" eb="4">
      <t>フクシ</t>
    </rPh>
    <rPh sb="4" eb="6">
      <t>ホウジン</t>
    </rPh>
    <rPh sb="9" eb="11">
      <t>フクシ</t>
    </rPh>
    <rPh sb="11" eb="12">
      <t>カイ</t>
    </rPh>
    <phoneticPr fontId="2"/>
  </si>
  <si>
    <t>(株)ＵＳサービス</t>
    <rPh sb="0" eb="3">
      <t>カブ</t>
    </rPh>
    <phoneticPr fontId="2"/>
  </si>
  <si>
    <t>(株)ハピネライフケア</t>
    <rPh sb="0" eb="3">
      <t>カブ</t>
    </rPh>
    <phoneticPr fontId="2"/>
  </si>
  <si>
    <t>(株)オレンジロード</t>
    <rPh sb="0" eb="3">
      <t>カブ</t>
    </rPh>
    <phoneticPr fontId="2"/>
  </si>
  <si>
    <t>ハーモニーハウス出雲</t>
    <rPh sb="8" eb="10">
      <t>イズモ</t>
    </rPh>
    <phoneticPr fontId="2"/>
  </si>
  <si>
    <t>693-0021</t>
    <phoneticPr fontId="2"/>
  </si>
  <si>
    <t>出雲市塩冶町1174-3</t>
    <rPh sb="0" eb="3">
      <t>イズモシ</t>
    </rPh>
    <rPh sb="3" eb="6">
      <t>エンヤチョウ</t>
    </rPh>
    <phoneticPr fontId="2"/>
  </si>
  <si>
    <t>0853-20-0099</t>
    <phoneticPr fontId="2"/>
  </si>
  <si>
    <t>0853-22-2290</t>
    <phoneticPr fontId="2"/>
  </si>
  <si>
    <t>(株)ヘルスケア一光</t>
    <rPh sb="0" eb="3">
      <t>カブ</t>
    </rPh>
    <rPh sb="8" eb="10">
      <t>カズミツ</t>
    </rPh>
    <phoneticPr fontId="2"/>
  </si>
  <si>
    <t>しののめの家</t>
    <rPh sb="5" eb="6">
      <t>イエ</t>
    </rPh>
    <phoneticPr fontId="2"/>
  </si>
  <si>
    <t>692-0733</t>
    <phoneticPr fontId="2"/>
  </si>
  <si>
    <t>安来市広瀬町東比田950-1</t>
    <rPh sb="0" eb="3">
      <t>ヤスギシ</t>
    </rPh>
    <rPh sb="3" eb="6">
      <t>ヒロセチョウ</t>
    </rPh>
    <rPh sb="6" eb="7">
      <t>ヒガシ</t>
    </rPh>
    <rPh sb="7" eb="8">
      <t>クラ</t>
    </rPh>
    <rPh sb="8" eb="9">
      <t>タ</t>
    </rPh>
    <phoneticPr fontId="2"/>
  </si>
  <si>
    <t>0854-34-0533</t>
    <phoneticPr fontId="2"/>
  </si>
  <si>
    <t>0854-34-9050</t>
    <phoneticPr fontId="2"/>
  </si>
  <si>
    <t>ベストライフ松江</t>
    <rPh sb="6" eb="8">
      <t>マツエ</t>
    </rPh>
    <phoneticPr fontId="2"/>
  </si>
  <si>
    <t>690-0877</t>
    <phoneticPr fontId="2"/>
  </si>
  <si>
    <t>0852-60-1337</t>
    <phoneticPr fontId="2"/>
  </si>
  <si>
    <t>0852-60-1338</t>
    <phoneticPr fontId="2"/>
  </si>
  <si>
    <t>(株)ベストライフ</t>
    <rPh sb="0" eb="3">
      <t>カブ</t>
    </rPh>
    <phoneticPr fontId="2"/>
  </si>
  <si>
    <t>230万円</t>
    <rPh sb="3" eb="5">
      <t>マンエン</t>
    </rPh>
    <phoneticPr fontId="2"/>
  </si>
  <si>
    <t>医療法人社団　水澄み会</t>
    <rPh sb="0" eb="2">
      <t>イリョウ</t>
    </rPh>
    <rPh sb="2" eb="4">
      <t>ホウジン</t>
    </rPh>
    <rPh sb="4" eb="6">
      <t>シャダン</t>
    </rPh>
    <rPh sb="7" eb="8">
      <t>ミズ</t>
    </rPh>
    <rPh sb="8" eb="9">
      <t>ス</t>
    </rPh>
    <rPh sb="10" eb="11">
      <t>カイ</t>
    </rPh>
    <phoneticPr fontId="2"/>
  </si>
  <si>
    <t>(株)しろがねの里</t>
    <rPh sb="0" eb="3">
      <t>カブ</t>
    </rPh>
    <rPh sb="8" eb="9">
      <t>サト</t>
    </rPh>
    <phoneticPr fontId="2"/>
  </si>
  <si>
    <t>山ぼうし</t>
    <rPh sb="0" eb="1">
      <t>ヤマ</t>
    </rPh>
    <phoneticPr fontId="2"/>
  </si>
  <si>
    <t>693-0037</t>
    <phoneticPr fontId="2"/>
  </si>
  <si>
    <t>出雲市西新町1丁目2548-11</t>
    <rPh sb="0" eb="3">
      <t>イズモシ</t>
    </rPh>
    <rPh sb="3" eb="6">
      <t>ニシアラマチ</t>
    </rPh>
    <rPh sb="7" eb="9">
      <t>チョウメ</t>
    </rPh>
    <phoneticPr fontId="2"/>
  </si>
  <si>
    <t>ミシマ産業(株)</t>
    <rPh sb="3" eb="5">
      <t>サンギョウ</t>
    </rPh>
    <rPh sb="5" eb="8">
      <t>カブ</t>
    </rPh>
    <phoneticPr fontId="2"/>
  </si>
  <si>
    <t>花みずきの家</t>
    <rPh sb="0" eb="1">
      <t>ハナ</t>
    </rPh>
    <rPh sb="5" eb="6">
      <t>イエ</t>
    </rPh>
    <phoneticPr fontId="2"/>
  </si>
  <si>
    <t>697-0052</t>
    <phoneticPr fontId="2"/>
  </si>
  <si>
    <t>浜田市港町275番地3</t>
    <rPh sb="0" eb="3">
      <t>ハマダシ</t>
    </rPh>
    <rPh sb="3" eb="5">
      <t>ミナトチョウ</t>
    </rPh>
    <rPh sb="8" eb="10">
      <t>バンチ</t>
    </rPh>
    <phoneticPr fontId="2"/>
  </si>
  <si>
    <t>0855-23-3322</t>
    <phoneticPr fontId="2"/>
  </si>
  <si>
    <t>合同会社　喜楽安</t>
    <rPh sb="0" eb="2">
      <t>ゴウドウ</t>
    </rPh>
    <rPh sb="2" eb="4">
      <t>ガイシャ</t>
    </rPh>
    <phoneticPr fontId="2"/>
  </si>
  <si>
    <t>グランドケアホームはまぼうふう</t>
    <phoneticPr fontId="2"/>
  </si>
  <si>
    <t>697-0004</t>
    <phoneticPr fontId="2"/>
  </si>
  <si>
    <t>浜田市久代町1-7</t>
    <rPh sb="0" eb="3">
      <t>ハマダシ</t>
    </rPh>
    <rPh sb="3" eb="5">
      <t>クシロ</t>
    </rPh>
    <rPh sb="5" eb="6">
      <t>チョウ</t>
    </rPh>
    <phoneticPr fontId="2"/>
  </si>
  <si>
    <t>0855-24-8585</t>
    <phoneticPr fontId="2"/>
  </si>
  <si>
    <t>0855-24-8586</t>
    <phoneticPr fontId="2"/>
  </si>
  <si>
    <t>15.9万円</t>
    <rPh sb="4" eb="6">
      <t>マンエン</t>
    </rPh>
    <phoneticPr fontId="2"/>
  </si>
  <si>
    <t>サンガーデン輝らら</t>
    <rPh sb="6" eb="7">
      <t>カガヤ</t>
    </rPh>
    <phoneticPr fontId="2"/>
  </si>
  <si>
    <t>697-0302</t>
    <phoneticPr fontId="2"/>
  </si>
  <si>
    <t>浜田市金城町今福1473-1</t>
    <rPh sb="0" eb="3">
      <t>ハマダシ</t>
    </rPh>
    <rPh sb="3" eb="6">
      <t>キンジョウチョウ</t>
    </rPh>
    <rPh sb="6" eb="8">
      <t>イマフク</t>
    </rPh>
    <phoneticPr fontId="2"/>
  </si>
  <si>
    <t>有限会社髙村</t>
    <rPh sb="0" eb="4">
      <t>ユウゲンガイシャ</t>
    </rPh>
    <rPh sb="5" eb="6">
      <t>ムラ</t>
    </rPh>
    <phoneticPr fontId="2"/>
  </si>
  <si>
    <t>あおぞら八重垣別館</t>
    <rPh sb="4" eb="6">
      <t>ヤエ</t>
    </rPh>
    <rPh sb="6" eb="7">
      <t>カキ</t>
    </rPh>
    <rPh sb="7" eb="9">
      <t>ベッカン</t>
    </rPh>
    <phoneticPr fontId="2"/>
  </si>
  <si>
    <t>0852-20-2611</t>
    <phoneticPr fontId="2"/>
  </si>
  <si>
    <t>0852-60-0500</t>
    <phoneticPr fontId="2"/>
  </si>
  <si>
    <t>0852-24-3110</t>
    <phoneticPr fontId="2"/>
  </si>
  <si>
    <t>出雲すずかけの樹</t>
    <rPh sb="0" eb="2">
      <t>イズモ</t>
    </rPh>
    <rPh sb="7" eb="8">
      <t>キ</t>
    </rPh>
    <phoneticPr fontId="2"/>
  </si>
  <si>
    <t>出雲市荒茅町2780</t>
    <rPh sb="0" eb="3">
      <t>イズモシ</t>
    </rPh>
    <rPh sb="3" eb="6">
      <t>アラカヤチョウ</t>
    </rPh>
    <phoneticPr fontId="2"/>
  </si>
  <si>
    <t>グループリビングなかのやさん家</t>
    <rPh sb="14" eb="15">
      <t>イエ</t>
    </rPh>
    <phoneticPr fontId="2"/>
  </si>
  <si>
    <t>0855-42-3201</t>
    <phoneticPr fontId="2"/>
  </si>
  <si>
    <t>0855-42-3202</t>
    <phoneticPr fontId="2"/>
  </si>
  <si>
    <t>雲南市吉田町深野84-6</t>
    <rPh sb="0" eb="2">
      <t>ウンナン</t>
    </rPh>
    <rPh sb="2" eb="3">
      <t>イチ</t>
    </rPh>
    <rPh sb="3" eb="6">
      <t>キッタチョウ</t>
    </rPh>
    <rPh sb="6" eb="8">
      <t>フコノ</t>
    </rPh>
    <phoneticPr fontId="2"/>
  </si>
  <si>
    <t>懐燕</t>
    <rPh sb="0" eb="1">
      <t>ナツ</t>
    </rPh>
    <rPh sb="1" eb="2">
      <t>ツバメ</t>
    </rPh>
    <phoneticPr fontId="2"/>
  </si>
  <si>
    <t>697-0121</t>
    <phoneticPr fontId="2"/>
  </si>
  <si>
    <t>浜田市金城町下来原973-1</t>
    <rPh sb="0" eb="3">
      <t>ハマダシ</t>
    </rPh>
    <rPh sb="3" eb="6">
      <t>キンジョウチョウ</t>
    </rPh>
    <rPh sb="6" eb="7">
      <t>シモ</t>
    </rPh>
    <rPh sb="7" eb="8">
      <t>ク</t>
    </rPh>
    <rPh sb="8" eb="9">
      <t>ハラ</t>
    </rPh>
    <phoneticPr fontId="2"/>
  </si>
  <si>
    <t>ＮＰＯ法人　Bｅｉｎｇ</t>
    <rPh sb="3" eb="5">
      <t>ホウジン</t>
    </rPh>
    <phoneticPr fontId="2"/>
  </si>
  <si>
    <t>0855-42-3188</t>
    <phoneticPr fontId="2"/>
  </si>
  <si>
    <t>0855-42-1470</t>
    <phoneticPr fontId="2"/>
  </si>
  <si>
    <t>出雲鳳光苑</t>
    <rPh sb="0" eb="2">
      <t>イズモ</t>
    </rPh>
    <rPh sb="2" eb="3">
      <t>ホウオウ</t>
    </rPh>
    <rPh sb="3" eb="4">
      <t>ヒカリ</t>
    </rPh>
    <rPh sb="4" eb="5">
      <t>エン</t>
    </rPh>
    <phoneticPr fontId="2"/>
  </si>
  <si>
    <t>出雲市塩冶町879</t>
    <rPh sb="0" eb="3">
      <t>イズモシ</t>
    </rPh>
    <rPh sb="3" eb="6">
      <t>エンヤチョウ</t>
    </rPh>
    <phoneticPr fontId="2"/>
  </si>
  <si>
    <t>0853-20-1410</t>
    <phoneticPr fontId="2"/>
  </si>
  <si>
    <t>0852-62-8150</t>
    <phoneticPr fontId="2"/>
  </si>
  <si>
    <t>直江ホーム</t>
    <rPh sb="0" eb="2">
      <t>ナオエ</t>
    </rPh>
    <phoneticPr fontId="2"/>
  </si>
  <si>
    <t>699-0631</t>
    <phoneticPr fontId="2"/>
  </si>
  <si>
    <t>出雲市斐川町直江1231-1</t>
    <rPh sb="0" eb="3">
      <t>イズモシ</t>
    </rPh>
    <rPh sb="3" eb="6">
      <t>ヒカワチョウ</t>
    </rPh>
    <rPh sb="6" eb="8">
      <t>ナオエ</t>
    </rPh>
    <phoneticPr fontId="2"/>
  </si>
  <si>
    <t>0853-72-4165</t>
    <phoneticPr fontId="2"/>
  </si>
  <si>
    <t>0853-72-4167</t>
    <phoneticPr fontId="2"/>
  </si>
  <si>
    <t>(株)直江の家</t>
    <rPh sb="0" eb="3">
      <t>カブ</t>
    </rPh>
    <rPh sb="3" eb="5">
      <t>ナオエ</t>
    </rPh>
    <rPh sb="6" eb="7">
      <t>イエ</t>
    </rPh>
    <phoneticPr fontId="2"/>
  </si>
  <si>
    <t>心暖</t>
    <rPh sb="0" eb="1">
      <t>ココロ</t>
    </rPh>
    <rPh sb="1" eb="2">
      <t>アタタ</t>
    </rPh>
    <phoneticPr fontId="2"/>
  </si>
  <si>
    <t>0852-62-1166</t>
    <phoneticPr fontId="2"/>
  </si>
  <si>
    <t>(株)ウォームス</t>
    <rPh sb="0" eb="3">
      <t>カブ</t>
    </rPh>
    <phoneticPr fontId="2"/>
  </si>
  <si>
    <t>あっとホームゆりさわ</t>
    <phoneticPr fontId="2"/>
  </si>
  <si>
    <t>699-0406</t>
    <phoneticPr fontId="2"/>
  </si>
  <si>
    <t>松江市宍道町佐々布2130-1</t>
    <rPh sb="0" eb="2">
      <t>マツエ</t>
    </rPh>
    <rPh sb="2" eb="3">
      <t>シ</t>
    </rPh>
    <rPh sb="3" eb="6">
      <t>シンジチョウ</t>
    </rPh>
    <rPh sb="6" eb="9">
      <t>サソウ</t>
    </rPh>
    <phoneticPr fontId="2"/>
  </si>
  <si>
    <t>10万円</t>
    <rPh sb="2" eb="4">
      <t>マンエン</t>
    </rPh>
    <phoneticPr fontId="2"/>
  </si>
  <si>
    <t>松江市玉湯町湯町190-1</t>
    <rPh sb="0" eb="2">
      <t>マツエ</t>
    </rPh>
    <rPh sb="2" eb="3">
      <t>シ</t>
    </rPh>
    <rPh sb="3" eb="6">
      <t>タマユチョウ</t>
    </rPh>
    <rPh sb="6" eb="8">
      <t>ユマチ</t>
    </rPh>
    <phoneticPr fontId="2"/>
  </si>
  <si>
    <t>出雲市斐川町上庄原上新川1634-5</t>
    <rPh sb="0" eb="3">
      <t>イズモシ</t>
    </rPh>
    <rPh sb="3" eb="6">
      <t>ヒカワチョウ</t>
    </rPh>
    <rPh sb="6" eb="7">
      <t>カミ</t>
    </rPh>
    <rPh sb="7" eb="9">
      <t>ショウバラ</t>
    </rPh>
    <rPh sb="9" eb="10">
      <t>カミ</t>
    </rPh>
    <rPh sb="10" eb="12">
      <t>シンカワ</t>
    </rPh>
    <phoneticPr fontId="2"/>
  </si>
  <si>
    <t>松江市東出雲町錦新町５-３－５</t>
    <rPh sb="0" eb="3">
      <t>マツエシ</t>
    </rPh>
    <rPh sb="3" eb="7">
      <t>ヒガシイズモチョウ</t>
    </rPh>
    <rPh sb="7" eb="8">
      <t>ニシキ</t>
    </rPh>
    <rPh sb="8" eb="10">
      <t>シンマチ</t>
    </rPh>
    <phoneticPr fontId="2"/>
  </si>
  <si>
    <t>12万円、
18万円</t>
    <rPh sb="2" eb="3">
      <t>マン</t>
    </rPh>
    <rPh sb="3" eb="4">
      <t>エン</t>
    </rPh>
    <rPh sb="8" eb="10">
      <t>マンエン</t>
    </rPh>
    <phoneticPr fontId="2"/>
  </si>
  <si>
    <t>彩りテラス</t>
    <rPh sb="0" eb="1">
      <t>イロドリ</t>
    </rPh>
    <phoneticPr fontId="2"/>
  </si>
  <si>
    <t>0852-28-0286</t>
    <phoneticPr fontId="2"/>
  </si>
  <si>
    <t>(株)HomeTerrace</t>
    <rPh sb="0" eb="3">
      <t>カブ</t>
    </rPh>
    <phoneticPr fontId="2"/>
  </si>
  <si>
    <t>松江市西嫁島一丁目3番3号</t>
    <rPh sb="0" eb="2">
      <t>マツエ</t>
    </rPh>
    <rPh sb="2" eb="3">
      <t>シ</t>
    </rPh>
    <rPh sb="3" eb="4">
      <t>ニシ</t>
    </rPh>
    <rPh sb="4" eb="5">
      <t>ヨメ</t>
    </rPh>
    <rPh sb="5" eb="6">
      <t>シマ</t>
    </rPh>
    <rPh sb="6" eb="9">
      <t>１チョウメ</t>
    </rPh>
    <rPh sb="10" eb="11">
      <t>バン</t>
    </rPh>
    <rPh sb="12" eb="13">
      <t>ゴウ</t>
    </rPh>
    <phoneticPr fontId="2"/>
  </si>
  <si>
    <t>0852-67-6370</t>
    <phoneticPr fontId="2"/>
  </si>
  <si>
    <t>ぼたんの家</t>
    <rPh sb="4" eb="5">
      <t>イエ</t>
    </rPh>
    <phoneticPr fontId="2"/>
  </si>
  <si>
    <t>690-1401</t>
    <phoneticPr fontId="2"/>
  </si>
  <si>
    <t>0852-76-9070</t>
    <phoneticPr fontId="2"/>
  </si>
  <si>
    <t>(株)エスポアール福祉会</t>
    <rPh sb="0" eb="3">
      <t>カブ</t>
    </rPh>
    <rPh sb="9" eb="11">
      <t>フクシ</t>
    </rPh>
    <rPh sb="11" eb="12">
      <t>カイ</t>
    </rPh>
    <phoneticPr fontId="2"/>
  </si>
  <si>
    <t>松江市八束町江島1128番地53</t>
    <rPh sb="0" eb="2">
      <t>マツエ</t>
    </rPh>
    <rPh sb="2" eb="3">
      <t>シ</t>
    </rPh>
    <rPh sb="3" eb="6">
      <t>ヤツカチョウ</t>
    </rPh>
    <rPh sb="6" eb="7">
      <t>エ</t>
    </rPh>
    <rPh sb="7" eb="8">
      <t>シマ</t>
    </rPh>
    <rPh sb="12" eb="14">
      <t>バンチ</t>
    </rPh>
    <phoneticPr fontId="2"/>
  </si>
  <si>
    <t>0852-76-9072</t>
    <phoneticPr fontId="2"/>
  </si>
  <si>
    <t>690-1406</t>
    <phoneticPr fontId="2"/>
  </si>
  <si>
    <t>0852-76-2588</t>
    <phoneticPr fontId="2"/>
  </si>
  <si>
    <t>松江市八束町二子1178番地1</t>
    <rPh sb="0" eb="2">
      <t>マツエ</t>
    </rPh>
    <rPh sb="2" eb="3">
      <t>シ</t>
    </rPh>
    <rPh sb="3" eb="6">
      <t>ヤツカチョウ</t>
    </rPh>
    <rPh sb="6" eb="8">
      <t>フタゴ</t>
    </rPh>
    <rPh sb="12" eb="14">
      <t>バンチ</t>
    </rPh>
    <phoneticPr fontId="2"/>
  </si>
  <si>
    <t>介護付き有料老人ホームサンガーデン輝らら</t>
    <rPh sb="0" eb="2">
      <t>カイゴ</t>
    </rPh>
    <rPh sb="2" eb="3">
      <t>ツ</t>
    </rPh>
    <rPh sb="4" eb="6">
      <t>ユウリョウ</t>
    </rPh>
    <rPh sb="6" eb="8">
      <t>ロウジン</t>
    </rPh>
    <rPh sb="17" eb="18">
      <t>カガヤ</t>
    </rPh>
    <phoneticPr fontId="2"/>
  </si>
  <si>
    <t>まほろばの郷さんさん</t>
    <rPh sb="5" eb="6">
      <t>サト</t>
    </rPh>
    <phoneticPr fontId="2"/>
  </si>
  <si>
    <t>仁多郡奥出雲町横田1010-3</t>
    <rPh sb="0" eb="3">
      <t>ニタグン</t>
    </rPh>
    <rPh sb="3" eb="6">
      <t>オクイズモ</t>
    </rPh>
    <rPh sb="6" eb="7">
      <t>マチ</t>
    </rPh>
    <rPh sb="7" eb="9">
      <t>ヨコタ</t>
    </rPh>
    <phoneticPr fontId="2"/>
  </si>
  <si>
    <t>699-1832</t>
    <phoneticPr fontId="2"/>
  </si>
  <si>
    <t>0854-52-2811</t>
    <phoneticPr fontId="2"/>
  </si>
  <si>
    <t>0854-52-2828</t>
    <phoneticPr fontId="2"/>
  </si>
  <si>
    <t>未来プロジェクト株式会社</t>
    <rPh sb="0" eb="2">
      <t>ミライ</t>
    </rPh>
    <rPh sb="8" eb="10">
      <t>カブシキ</t>
    </rPh>
    <rPh sb="10" eb="12">
      <t>カイシャ</t>
    </rPh>
    <phoneticPr fontId="2"/>
  </si>
  <si>
    <t>ライラック</t>
    <phoneticPr fontId="2"/>
  </si>
  <si>
    <t>693-0062</t>
    <phoneticPr fontId="2"/>
  </si>
  <si>
    <t>出雲市中野町757-3</t>
    <rPh sb="0" eb="3">
      <t>イズモシ</t>
    </rPh>
    <rPh sb="3" eb="4">
      <t>ナカ</t>
    </rPh>
    <rPh sb="4" eb="5">
      <t>ノ</t>
    </rPh>
    <rPh sb="5" eb="6">
      <t>マチ</t>
    </rPh>
    <phoneticPr fontId="2"/>
  </si>
  <si>
    <t>0853-24-7570</t>
    <phoneticPr fontId="2"/>
  </si>
  <si>
    <t>0853-24-7885</t>
    <phoneticPr fontId="2"/>
  </si>
  <si>
    <t>（株）ライラック</t>
    <rPh sb="0" eb="3">
      <t>カブ</t>
    </rPh>
    <phoneticPr fontId="2"/>
  </si>
  <si>
    <t>あんのんの里川跡</t>
    <rPh sb="5" eb="6">
      <t>サト</t>
    </rPh>
    <rPh sb="6" eb="7">
      <t>カワ</t>
    </rPh>
    <rPh sb="7" eb="8">
      <t>アト</t>
    </rPh>
    <phoneticPr fontId="2"/>
  </si>
  <si>
    <t>693-0013</t>
    <phoneticPr fontId="2"/>
  </si>
  <si>
    <t>出雲市荻杼町666-1</t>
    <rPh sb="0" eb="3">
      <t>イズモシ</t>
    </rPh>
    <phoneticPr fontId="2"/>
  </si>
  <si>
    <t>0853-31-4600</t>
    <phoneticPr fontId="2"/>
  </si>
  <si>
    <t>0853-31-4601</t>
    <phoneticPr fontId="2"/>
  </si>
  <si>
    <t>（株）ハート</t>
    <rPh sb="0" eb="3">
      <t>カブ</t>
    </rPh>
    <phoneticPr fontId="2"/>
  </si>
  <si>
    <t>グッドライフ</t>
    <phoneticPr fontId="2"/>
  </si>
  <si>
    <t>693-0028</t>
    <phoneticPr fontId="2"/>
  </si>
  <si>
    <t>出雲市塩冶善行町１４番地３</t>
    <rPh sb="0" eb="3">
      <t>イズモシ</t>
    </rPh>
    <rPh sb="3" eb="5">
      <t>エンヤ</t>
    </rPh>
    <rPh sb="5" eb="7">
      <t>ゼンコウ</t>
    </rPh>
    <rPh sb="7" eb="8">
      <t>マチ</t>
    </rPh>
    <rPh sb="10" eb="12">
      <t>バンチ</t>
    </rPh>
    <phoneticPr fontId="2"/>
  </si>
  <si>
    <t>0853-27-9991</t>
    <phoneticPr fontId="2"/>
  </si>
  <si>
    <t>0853-27-9992</t>
    <phoneticPr fontId="2"/>
  </si>
  <si>
    <t>（株）コスモス</t>
    <rPh sb="0" eb="3">
      <t>カブ</t>
    </rPh>
    <phoneticPr fontId="2"/>
  </si>
  <si>
    <t>もやいの家うのはな</t>
    <rPh sb="4" eb="5">
      <t>イエ</t>
    </rPh>
    <phoneticPr fontId="2"/>
  </si>
  <si>
    <t>すずらん</t>
    <phoneticPr fontId="2"/>
  </si>
  <si>
    <t>699-1395</t>
    <phoneticPr fontId="2"/>
  </si>
  <si>
    <t>雲南市木次町里方1088－6</t>
    <rPh sb="0" eb="2">
      <t>ウンナン</t>
    </rPh>
    <rPh sb="2" eb="3">
      <t>シ</t>
    </rPh>
    <rPh sb="3" eb="5">
      <t>キスキ</t>
    </rPh>
    <rPh sb="5" eb="6">
      <t>チョウ</t>
    </rPh>
    <rPh sb="6" eb="7">
      <t>サト</t>
    </rPh>
    <rPh sb="7" eb="8">
      <t>カタ</t>
    </rPh>
    <phoneticPr fontId="2"/>
  </si>
  <si>
    <t>0854-42-9000</t>
    <phoneticPr fontId="2"/>
  </si>
  <si>
    <t>0854-42-9100</t>
    <phoneticPr fontId="2"/>
  </si>
  <si>
    <t>0852-62-2711</t>
    <phoneticPr fontId="2"/>
  </si>
  <si>
    <t>一休庵</t>
    <rPh sb="0" eb="2">
      <t>イッキュウ</t>
    </rPh>
    <rPh sb="2" eb="3">
      <t>アン</t>
    </rPh>
    <phoneticPr fontId="2"/>
  </si>
  <si>
    <t>出雲市灘分町1064－8</t>
    <rPh sb="0" eb="3">
      <t>イズモシ</t>
    </rPh>
    <rPh sb="3" eb="6">
      <t>ナダブンチョウ</t>
    </rPh>
    <phoneticPr fontId="2"/>
  </si>
  <si>
    <t>691-0003</t>
    <phoneticPr fontId="2"/>
  </si>
  <si>
    <t>（株）ネリネ</t>
    <rPh sb="0" eb="3">
      <t>カブ</t>
    </rPh>
    <phoneticPr fontId="2"/>
  </si>
  <si>
    <t>よこたの郷</t>
    <rPh sb="4" eb="5">
      <t>サト</t>
    </rPh>
    <phoneticPr fontId="2"/>
  </si>
  <si>
    <t>699-1822</t>
    <phoneticPr fontId="2"/>
  </si>
  <si>
    <t>有限会社クオリティライフ</t>
    <rPh sb="0" eb="2">
      <t>ユウゲン</t>
    </rPh>
    <rPh sb="2" eb="4">
      <t>ガイシャ</t>
    </rPh>
    <phoneticPr fontId="2"/>
  </si>
  <si>
    <t>0854-52-0896</t>
    <phoneticPr fontId="2"/>
  </si>
  <si>
    <t>0854-52-0796</t>
    <phoneticPr fontId="2"/>
  </si>
  <si>
    <t>11.1万円</t>
    <rPh sb="4" eb="5">
      <t>マン</t>
    </rPh>
    <rPh sb="5" eb="6">
      <t>エン</t>
    </rPh>
    <phoneticPr fontId="2"/>
  </si>
  <si>
    <t>みずほホーム</t>
    <phoneticPr fontId="2"/>
  </si>
  <si>
    <t>691－0003</t>
    <phoneticPr fontId="2"/>
  </si>
  <si>
    <t>出雲市灘分町239－6</t>
    <rPh sb="0" eb="3">
      <t>イズモシ</t>
    </rPh>
    <rPh sb="3" eb="6">
      <t>ナダブンチョウ</t>
    </rPh>
    <phoneticPr fontId="2"/>
  </si>
  <si>
    <t>（株）テーリング</t>
    <rPh sb="1" eb="2">
      <t>カブ</t>
    </rPh>
    <phoneticPr fontId="2"/>
  </si>
  <si>
    <t>無</t>
    <rPh sb="0" eb="1">
      <t>ナシ</t>
    </rPh>
    <phoneticPr fontId="2"/>
  </si>
  <si>
    <t>0853-31-4815</t>
    <phoneticPr fontId="2"/>
  </si>
  <si>
    <t>0853-63-3670</t>
    <phoneticPr fontId="2"/>
  </si>
  <si>
    <t>いらかの里</t>
    <rPh sb="4" eb="5">
      <t>サト</t>
    </rPh>
    <phoneticPr fontId="2"/>
  </si>
  <si>
    <t>松江市東出雲町揖屋116-１</t>
    <rPh sb="0" eb="3">
      <t>マツエシ</t>
    </rPh>
    <rPh sb="3" eb="7">
      <t>ヒガシイズモチョウ</t>
    </rPh>
    <rPh sb="7" eb="9">
      <t>イヤ</t>
    </rPh>
    <phoneticPr fontId="2"/>
  </si>
  <si>
    <t>699-0101</t>
    <phoneticPr fontId="2"/>
  </si>
  <si>
    <t>（株）建装</t>
    <rPh sb="1" eb="2">
      <t>カブ</t>
    </rPh>
    <rPh sb="3" eb="5">
      <t>ケンソウ</t>
    </rPh>
    <phoneticPr fontId="2"/>
  </si>
  <si>
    <t>0852-52-7248</t>
    <phoneticPr fontId="2"/>
  </si>
  <si>
    <t>0852-52-6653</t>
    <phoneticPr fontId="2"/>
  </si>
  <si>
    <t>0852-76-9288</t>
    <phoneticPr fontId="2"/>
  </si>
  <si>
    <t>0855-23-8731</t>
    <phoneticPr fontId="2"/>
  </si>
  <si>
    <t>彩りテラス～東朝日町～</t>
    <rPh sb="0" eb="1">
      <t>イロドリ</t>
    </rPh>
    <rPh sb="6" eb="7">
      <t>ヒガシ</t>
    </rPh>
    <rPh sb="7" eb="9">
      <t>アサヒ</t>
    </rPh>
    <rPh sb="9" eb="10">
      <t>マチ</t>
    </rPh>
    <phoneticPr fontId="2"/>
  </si>
  <si>
    <t>690-0001</t>
    <phoneticPr fontId="2"/>
  </si>
  <si>
    <t>松江市東朝日町278-10</t>
    <rPh sb="0" eb="3">
      <t>マツエシ</t>
    </rPh>
    <rPh sb="3" eb="7">
      <t>ヒガシアサヒマチ</t>
    </rPh>
    <phoneticPr fontId="2"/>
  </si>
  <si>
    <t>0852-23-0388</t>
    <phoneticPr fontId="2"/>
  </si>
  <si>
    <t>0852-67-2533</t>
    <phoneticPr fontId="2"/>
  </si>
  <si>
    <t>ナーシングホームなでしこ東出雲</t>
    <rPh sb="12" eb="15">
      <t>ヒガシイズモ</t>
    </rPh>
    <phoneticPr fontId="2"/>
  </si>
  <si>
    <t>松江市東出雲町錦新町6-4-1</t>
    <rPh sb="0" eb="3">
      <t>マツエシ</t>
    </rPh>
    <rPh sb="3" eb="7">
      <t>ヒガシイズモチョウ</t>
    </rPh>
    <rPh sb="7" eb="8">
      <t>ニシキ</t>
    </rPh>
    <rPh sb="8" eb="10">
      <t>シンマチ</t>
    </rPh>
    <phoneticPr fontId="2"/>
  </si>
  <si>
    <t>0852-67-2544</t>
    <phoneticPr fontId="2"/>
  </si>
  <si>
    <t>0852-67-2545</t>
    <phoneticPr fontId="2"/>
  </si>
  <si>
    <t>有限会社ライブアシスト</t>
    <rPh sb="0" eb="4">
      <t>ユウゲンガイシャ</t>
    </rPh>
    <phoneticPr fontId="2"/>
  </si>
  <si>
    <t>10万円</t>
    <rPh sb="2" eb="3">
      <t>マン</t>
    </rPh>
    <rPh sb="3" eb="4">
      <t>エン</t>
    </rPh>
    <phoneticPr fontId="2"/>
  </si>
  <si>
    <t>699-0110</t>
    <phoneticPr fontId="2"/>
  </si>
  <si>
    <t>株式会社あしたの木</t>
    <rPh sb="0" eb="2">
      <t>カブシキ</t>
    </rPh>
    <rPh sb="2" eb="4">
      <t>ガイシャ</t>
    </rPh>
    <rPh sb="8" eb="9">
      <t>キ</t>
    </rPh>
    <phoneticPr fontId="2"/>
  </si>
  <si>
    <t>0852-61-6511</t>
    <phoneticPr fontId="2"/>
  </si>
  <si>
    <t>0852-61-6512</t>
    <phoneticPr fontId="2"/>
  </si>
  <si>
    <t>699-0106</t>
    <phoneticPr fontId="2"/>
  </si>
  <si>
    <t>松江市東出雲町春日33-1</t>
    <rPh sb="0" eb="3">
      <t>マツエシ</t>
    </rPh>
    <rPh sb="3" eb="6">
      <t>ヒガシイズモ</t>
    </rPh>
    <rPh sb="6" eb="7">
      <t>チョウ</t>
    </rPh>
    <rPh sb="7" eb="9">
      <t>カスガ</t>
    </rPh>
    <phoneticPr fontId="2"/>
  </si>
  <si>
    <t>住宅型有料老人ホーム花穏</t>
    <rPh sb="0" eb="3">
      <t>ジュウタクガタ</t>
    </rPh>
    <rPh sb="3" eb="5">
      <t>ユウリョウ</t>
    </rPh>
    <rPh sb="5" eb="7">
      <t>ロウジン</t>
    </rPh>
    <rPh sb="10" eb="11">
      <t>ハナ</t>
    </rPh>
    <rPh sb="11" eb="12">
      <t>オダ</t>
    </rPh>
    <phoneticPr fontId="2"/>
  </si>
  <si>
    <t>0852-62-8191</t>
    <phoneticPr fontId="2"/>
  </si>
  <si>
    <t>0852-24-3220</t>
    <phoneticPr fontId="2"/>
  </si>
  <si>
    <t>0852-66-7767</t>
    <phoneticPr fontId="2"/>
  </si>
  <si>
    <t>0852-66-7768</t>
    <phoneticPr fontId="2"/>
  </si>
  <si>
    <t>４５万円</t>
    <rPh sb="2" eb="4">
      <t>マンエン</t>
    </rPh>
    <phoneticPr fontId="2"/>
  </si>
  <si>
    <t>690-0015</t>
    <phoneticPr fontId="2"/>
  </si>
  <si>
    <t>699-0202</t>
    <phoneticPr fontId="2"/>
  </si>
  <si>
    <t>699-0048</t>
    <phoneticPr fontId="2"/>
  </si>
  <si>
    <t>0853-28-3666</t>
    <phoneticPr fontId="2"/>
  </si>
  <si>
    <t>690-2313</t>
    <phoneticPr fontId="2"/>
  </si>
  <si>
    <t>698-1211</t>
    <phoneticPr fontId="2"/>
  </si>
  <si>
    <t>0853-23-8400</t>
    <phoneticPr fontId="2"/>
  </si>
  <si>
    <t>0853-23-8401</t>
    <phoneticPr fontId="2"/>
  </si>
  <si>
    <t>693-0044</t>
    <phoneticPr fontId="2"/>
  </si>
  <si>
    <t>0853-28-3667</t>
    <phoneticPr fontId="2"/>
  </si>
  <si>
    <t>0856-56-7077</t>
    <phoneticPr fontId="2"/>
  </si>
  <si>
    <t>690-0877</t>
    <phoneticPr fontId="2"/>
  </si>
  <si>
    <t>松江市春日町543-5</t>
    <rPh sb="0" eb="3">
      <t>マツエシ</t>
    </rPh>
    <rPh sb="3" eb="5">
      <t>カスガ</t>
    </rPh>
    <rPh sb="5" eb="6">
      <t>チョウ</t>
    </rPh>
    <phoneticPr fontId="2"/>
  </si>
  <si>
    <t>株式会社ノーブルライフ</t>
    <rPh sb="0" eb="2">
      <t>カブシキ</t>
    </rPh>
    <rPh sb="2" eb="4">
      <t>ガイシャ</t>
    </rPh>
    <phoneticPr fontId="2"/>
  </si>
  <si>
    <t>0852-28-2261</t>
    <phoneticPr fontId="2"/>
  </si>
  <si>
    <t>050-3383-3032</t>
    <phoneticPr fontId="2"/>
  </si>
  <si>
    <t>有料老人ホーム弥生</t>
    <rPh sb="0" eb="2">
      <t>ユウリョウ</t>
    </rPh>
    <rPh sb="2" eb="4">
      <t>ロウジン</t>
    </rPh>
    <rPh sb="7" eb="9">
      <t>ヤヨイ</t>
    </rPh>
    <phoneticPr fontId="2"/>
  </si>
  <si>
    <t>六連星</t>
    <rPh sb="0" eb="1">
      <t>ロク</t>
    </rPh>
    <rPh sb="1" eb="2">
      <t>レン</t>
    </rPh>
    <rPh sb="2" eb="3">
      <t>ホシ</t>
    </rPh>
    <phoneticPr fontId="2"/>
  </si>
  <si>
    <t>690-2103</t>
    <phoneticPr fontId="2"/>
  </si>
  <si>
    <t>松江市八雲町西岩坂1042</t>
    <rPh sb="0" eb="3">
      <t>マツエシ</t>
    </rPh>
    <rPh sb="3" eb="6">
      <t>ヤグモチョウ</t>
    </rPh>
    <rPh sb="6" eb="9">
      <t>ニシイワサカ</t>
    </rPh>
    <phoneticPr fontId="2"/>
  </si>
  <si>
    <t>0852-67-6393</t>
    <phoneticPr fontId="2"/>
  </si>
  <si>
    <t>0852-67-6390</t>
    <phoneticPr fontId="2"/>
  </si>
  <si>
    <t>株式会社かすみｺｰﾎﾟﾚｰｼｮﾝ</t>
    <rPh sb="0" eb="2">
      <t>カブシキ</t>
    </rPh>
    <rPh sb="2" eb="4">
      <t>ガイシャ</t>
    </rPh>
    <phoneticPr fontId="2"/>
  </si>
  <si>
    <t>もみの木苑</t>
    <rPh sb="3" eb="4">
      <t>キ</t>
    </rPh>
    <rPh sb="4" eb="5">
      <t>エン</t>
    </rPh>
    <phoneticPr fontId="2"/>
  </si>
  <si>
    <t>699-0108</t>
    <phoneticPr fontId="2"/>
  </si>
  <si>
    <t>松江市東出雲町出雲郷771-4</t>
    <rPh sb="0" eb="3">
      <t>マツエシ</t>
    </rPh>
    <rPh sb="3" eb="6">
      <t>ヒガシイズモ</t>
    </rPh>
    <rPh sb="6" eb="7">
      <t>チョウ</t>
    </rPh>
    <rPh sb="7" eb="9">
      <t>イズモ</t>
    </rPh>
    <rPh sb="9" eb="10">
      <t>サト</t>
    </rPh>
    <phoneticPr fontId="2"/>
  </si>
  <si>
    <t>0852-67-1158</t>
    <phoneticPr fontId="2"/>
  </si>
  <si>
    <t>0852-67-1159</t>
    <phoneticPr fontId="2"/>
  </si>
  <si>
    <t>株式会社まつえ福祉会</t>
    <rPh sb="0" eb="2">
      <t>カブシキ</t>
    </rPh>
    <rPh sb="2" eb="4">
      <t>ガイシャ</t>
    </rPh>
    <rPh sb="7" eb="9">
      <t>フクシ</t>
    </rPh>
    <rPh sb="9" eb="10">
      <t>カイ</t>
    </rPh>
    <phoneticPr fontId="2"/>
  </si>
  <si>
    <t>0852-62-8151</t>
    <phoneticPr fontId="2"/>
  </si>
  <si>
    <t>0853-25-8019</t>
    <phoneticPr fontId="2"/>
  </si>
  <si>
    <t>0853-25-8319</t>
    <phoneticPr fontId="2"/>
  </si>
  <si>
    <t>0855-45-8239</t>
    <phoneticPr fontId="2"/>
  </si>
  <si>
    <t>仁多郡奥出雲町下横田27－1</t>
    <rPh sb="0" eb="3">
      <t>ニタグン</t>
    </rPh>
    <rPh sb="3" eb="7">
      <t>オクイズモチョウ</t>
    </rPh>
    <rPh sb="7" eb="8">
      <t>シモ</t>
    </rPh>
    <rPh sb="8" eb="10">
      <t>ヨコタ</t>
    </rPh>
    <phoneticPr fontId="2"/>
  </si>
  <si>
    <t>出雲市渡橋町305-1</t>
    <rPh sb="0" eb="3">
      <t>イズモシ</t>
    </rPh>
    <rPh sb="3" eb="6">
      <t>ワタリハシチョウ</t>
    </rPh>
    <phoneticPr fontId="2"/>
  </si>
  <si>
    <t>0853-23-6678</t>
    <phoneticPr fontId="2"/>
  </si>
  <si>
    <t>0854-43-8335</t>
    <phoneticPr fontId="2"/>
  </si>
  <si>
    <t>9万円</t>
    <rPh sb="1" eb="3">
      <t>マンエン</t>
    </rPh>
    <phoneticPr fontId="2"/>
  </si>
  <si>
    <t>0852-61-1165</t>
    <phoneticPr fontId="2"/>
  </si>
  <si>
    <t>松江市春日町543-2</t>
    <rPh sb="0" eb="3">
      <t>マツエシ</t>
    </rPh>
    <rPh sb="3" eb="6">
      <t>カスガチョウ</t>
    </rPh>
    <phoneticPr fontId="2"/>
  </si>
  <si>
    <t>690-0033</t>
    <phoneticPr fontId="2"/>
  </si>
  <si>
    <t>松江市大庭町１３９７－１</t>
    <rPh sb="0" eb="3">
      <t>マツエシ</t>
    </rPh>
    <rPh sb="3" eb="5">
      <t>オオバ</t>
    </rPh>
    <rPh sb="5" eb="6">
      <t>チョウ</t>
    </rPh>
    <phoneticPr fontId="2"/>
  </si>
  <si>
    <t>ケアセンター出雲住宅型有料老人ホーム家族の家新館</t>
    <rPh sb="6" eb="8">
      <t>イズモ</t>
    </rPh>
    <rPh sb="8" eb="10">
      <t>ジュウタク</t>
    </rPh>
    <rPh sb="10" eb="11">
      <t>ガタ</t>
    </rPh>
    <rPh sb="11" eb="13">
      <t>ユウリョウ</t>
    </rPh>
    <rPh sb="13" eb="15">
      <t>ロウジン</t>
    </rPh>
    <rPh sb="18" eb="20">
      <t>カゾク</t>
    </rPh>
    <rPh sb="21" eb="22">
      <t>イエ</t>
    </rPh>
    <rPh sb="22" eb="24">
      <t>シンカン</t>
    </rPh>
    <phoneticPr fontId="2"/>
  </si>
  <si>
    <t>施設開設年月日</t>
    <rPh sb="0" eb="2">
      <t>シセツ</t>
    </rPh>
    <rPh sb="2" eb="4">
      <t>カイセツ</t>
    </rPh>
    <rPh sb="4" eb="7">
      <t>ネンガッピ</t>
    </rPh>
    <phoneticPr fontId="2"/>
  </si>
  <si>
    <t>住所地特例適用開始日</t>
    <rPh sb="0" eb="3">
      <t>ジュウショチ</t>
    </rPh>
    <rPh sb="3" eb="5">
      <t>トクレイ</t>
    </rPh>
    <rPh sb="5" eb="7">
      <t>テキヨウ</t>
    </rPh>
    <rPh sb="7" eb="10">
      <t>カイシビ</t>
    </rPh>
    <phoneticPr fontId="2"/>
  </si>
  <si>
    <t>ゆかり園</t>
    <rPh sb="3" eb="4">
      <t>エン</t>
    </rPh>
    <phoneticPr fontId="2"/>
  </si>
  <si>
    <t>690-2403</t>
    <phoneticPr fontId="2"/>
  </si>
  <si>
    <t>雲南市三刀屋町下熊谷1675-2</t>
    <rPh sb="0" eb="2">
      <t>ウンナン</t>
    </rPh>
    <rPh sb="2" eb="3">
      <t>シ</t>
    </rPh>
    <rPh sb="3" eb="7">
      <t>ミトヤチョウ</t>
    </rPh>
    <rPh sb="7" eb="8">
      <t>シモ</t>
    </rPh>
    <rPh sb="8" eb="10">
      <t>クマタニ</t>
    </rPh>
    <phoneticPr fontId="2"/>
  </si>
  <si>
    <t>0854-45-5406</t>
    <phoneticPr fontId="2"/>
  </si>
  <si>
    <t>0854-45-5413</t>
    <phoneticPr fontId="2"/>
  </si>
  <si>
    <t>株式会社エー・サポート</t>
    <rPh sb="0" eb="4">
      <t>カブシキガイシャ</t>
    </rPh>
    <phoneticPr fontId="2"/>
  </si>
  <si>
    <t>島根県農業協同組合</t>
    <rPh sb="0" eb="3">
      <t>シマネケン</t>
    </rPh>
    <rPh sb="3" eb="5">
      <t>ノウギョウ</t>
    </rPh>
    <rPh sb="5" eb="7">
      <t>キョウドウ</t>
    </rPh>
    <rPh sb="7" eb="9">
      <t>クミアイ</t>
    </rPh>
    <phoneticPr fontId="2"/>
  </si>
  <si>
    <t>ナーシングホームグランなでしこ西津田</t>
    <rPh sb="15" eb="16">
      <t>ニシ</t>
    </rPh>
    <rPh sb="16" eb="18">
      <t>ツダ</t>
    </rPh>
    <phoneticPr fontId="2"/>
  </si>
  <si>
    <t>690－0017</t>
    <phoneticPr fontId="2"/>
  </si>
  <si>
    <t>松江市西津田2－168</t>
    <rPh sb="0" eb="3">
      <t>マツエシ</t>
    </rPh>
    <rPh sb="3" eb="4">
      <t>ニシ</t>
    </rPh>
    <rPh sb="4" eb="6">
      <t>ツダ</t>
    </rPh>
    <phoneticPr fontId="2"/>
  </si>
  <si>
    <t>0859-33-4700</t>
    <phoneticPr fontId="2"/>
  </si>
  <si>
    <t>0859-33-4701</t>
    <phoneticPr fontId="2"/>
  </si>
  <si>
    <t>宍道の家</t>
    <rPh sb="0" eb="2">
      <t>シンジ</t>
    </rPh>
    <rPh sb="3" eb="4">
      <t>イエ</t>
    </rPh>
    <phoneticPr fontId="2"/>
  </si>
  <si>
    <t>699－0407</t>
    <phoneticPr fontId="2"/>
  </si>
  <si>
    <t>松江市宍道町伊志見603-1</t>
    <rPh sb="0" eb="3">
      <t>マツエシ</t>
    </rPh>
    <rPh sb="3" eb="6">
      <t>シンジチョウ</t>
    </rPh>
    <rPh sb="6" eb="9">
      <t>イジミ</t>
    </rPh>
    <phoneticPr fontId="2"/>
  </si>
  <si>
    <t>0852-66-7838</t>
    <phoneticPr fontId="2"/>
  </si>
  <si>
    <t>0852-66-3935</t>
    <phoneticPr fontId="2"/>
  </si>
  <si>
    <t>社会福祉法人縁むすび福祉会</t>
    <rPh sb="0" eb="2">
      <t>シャカイ</t>
    </rPh>
    <rPh sb="2" eb="4">
      <t>フクシ</t>
    </rPh>
    <rPh sb="4" eb="6">
      <t>ホウジン</t>
    </rPh>
    <rPh sb="6" eb="7">
      <t>エン</t>
    </rPh>
    <rPh sb="10" eb="12">
      <t>フクシ</t>
    </rPh>
    <rPh sb="12" eb="13">
      <t>カイ</t>
    </rPh>
    <phoneticPr fontId="2"/>
  </si>
  <si>
    <t>住宅型有料老人ホームかがやき</t>
    <rPh sb="0" eb="3">
      <t>ジュウタクガタ</t>
    </rPh>
    <rPh sb="3" eb="5">
      <t>ユウリョウ</t>
    </rPh>
    <rPh sb="5" eb="7">
      <t>ロウジン</t>
    </rPh>
    <phoneticPr fontId="2"/>
  </si>
  <si>
    <t>松江市大庭町街区6－1－1</t>
    <rPh sb="0" eb="3">
      <t>マツエシ</t>
    </rPh>
    <rPh sb="3" eb="6">
      <t>オオバチョウ</t>
    </rPh>
    <rPh sb="6" eb="8">
      <t>ガイク</t>
    </rPh>
    <phoneticPr fontId="2"/>
  </si>
  <si>
    <t>0852-67-1145</t>
    <phoneticPr fontId="2"/>
  </si>
  <si>
    <t>0852-67-1146</t>
    <phoneticPr fontId="2"/>
  </si>
  <si>
    <t>株式会社ラッシュ</t>
    <rPh sb="0" eb="4">
      <t>カブシキガイシャ</t>
    </rPh>
    <phoneticPr fontId="2"/>
  </si>
  <si>
    <t>10.5万円</t>
    <rPh sb="4" eb="6">
      <t>マンエン</t>
    </rPh>
    <phoneticPr fontId="2"/>
  </si>
  <si>
    <t>住宅型有料老人ホーム彩りテラス～東津田町～</t>
    <rPh sb="0" eb="3">
      <t>ジュウタクガタ</t>
    </rPh>
    <rPh sb="3" eb="5">
      <t>ユウリョウ</t>
    </rPh>
    <rPh sb="5" eb="7">
      <t>ロウジン</t>
    </rPh>
    <rPh sb="10" eb="11">
      <t>イロドリ</t>
    </rPh>
    <rPh sb="16" eb="17">
      <t>ヒガシ</t>
    </rPh>
    <rPh sb="17" eb="20">
      <t>ツダチョウ</t>
    </rPh>
    <phoneticPr fontId="2"/>
  </si>
  <si>
    <t>松江市東津田町1357</t>
    <rPh sb="0" eb="3">
      <t>マツエシ</t>
    </rPh>
    <rPh sb="3" eb="7">
      <t>ヒガシツダチョウ</t>
    </rPh>
    <phoneticPr fontId="2"/>
  </si>
  <si>
    <t>690-0011</t>
    <phoneticPr fontId="2"/>
  </si>
  <si>
    <t>0852-25-2668</t>
    <phoneticPr fontId="2"/>
  </si>
  <si>
    <t>0852-67-3725</t>
    <phoneticPr fontId="2"/>
  </si>
  <si>
    <t>690-0033</t>
    <phoneticPr fontId="2"/>
  </si>
  <si>
    <t>0855-45-8231</t>
    <phoneticPr fontId="2"/>
  </si>
  <si>
    <t>おおねの島</t>
    <rPh sb="4" eb="5">
      <t>シマ</t>
    </rPh>
    <phoneticPr fontId="2"/>
  </si>
  <si>
    <t>(株)なかうみの郷</t>
    <rPh sb="0" eb="3">
      <t>カブ</t>
    </rPh>
    <rPh sb="8" eb="9">
      <t>サト</t>
    </rPh>
    <phoneticPr fontId="2"/>
  </si>
  <si>
    <t>安心ハウス</t>
    <rPh sb="0" eb="2">
      <t>アンシン</t>
    </rPh>
    <phoneticPr fontId="2"/>
  </si>
  <si>
    <t>690－2102</t>
    <phoneticPr fontId="2"/>
  </si>
  <si>
    <t>松江市八雲町東岩坂77－3</t>
    <rPh sb="0" eb="3">
      <t>マツエシ</t>
    </rPh>
    <rPh sb="3" eb="6">
      <t>ヤクモチョウ</t>
    </rPh>
    <rPh sb="6" eb="7">
      <t>ヒガシ</t>
    </rPh>
    <rPh sb="7" eb="9">
      <t>イワサカ</t>
    </rPh>
    <phoneticPr fontId="2"/>
  </si>
  <si>
    <t>0852-54-9693</t>
    <phoneticPr fontId="2"/>
  </si>
  <si>
    <t>0852-54-2515</t>
    <phoneticPr fontId="2"/>
  </si>
  <si>
    <t>(有)こもれび</t>
    <rPh sb="0" eb="3">
      <t>ユウゲンガイシャ</t>
    </rPh>
    <phoneticPr fontId="2"/>
  </si>
  <si>
    <t>安来</t>
    <rPh sb="0" eb="2">
      <t>ヤスギ</t>
    </rPh>
    <phoneticPr fontId="2"/>
  </si>
  <si>
    <t>住宅型有料老人ホーム villa しるし</t>
    <rPh sb="0" eb="3">
      <t>ジュウタクガタ</t>
    </rPh>
    <rPh sb="3" eb="5">
      <t>ユウリョウ</t>
    </rPh>
    <rPh sb="5" eb="7">
      <t>ロウジン</t>
    </rPh>
    <phoneticPr fontId="2"/>
  </si>
  <si>
    <t>699－0112</t>
    <phoneticPr fontId="2"/>
  </si>
  <si>
    <t>松江市東出雲町意宇東1丁目6番地3</t>
    <rPh sb="0" eb="3">
      <t>マツエシ</t>
    </rPh>
    <rPh sb="3" eb="7">
      <t>ヒガシイズモチョウ</t>
    </rPh>
    <rPh sb="7" eb="8">
      <t>イ</t>
    </rPh>
    <rPh sb="8" eb="9">
      <t>ウ</t>
    </rPh>
    <rPh sb="9" eb="10">
      <t>ヒガシ</t>
    </rPh>
    <rPh sb="11" eb="13">
      <t>チョウメ</t>
    </rPh>
    <rPh sb="14" eb="16">
      <t>バンチ</t>
    </rPh>
    <phoneticPr fontId="2"/>
  </si>
  <si>
    <t>0852-61-6300</t>
    <phoneticPr fontId="2"/>
  </si>
  <si>
    <t>0852-61-5400</t>
    <phoneticPr fontId="2"/>
  </si>
  <si>
    <t>サインポスト合同会社</t>
    <rPh sb="6" eb="8">
      <t>ゴウドウ</t>
    </rPh>
    <rPh sb="8" eb="10">
      <t>ガイシャ</t>
    </rPh>
    <phoneticPr fontId="2"/>
  </si>
  <si>
    <t>Tel</t>
    <phoneticPr fontId="2"/>
  </si>
  <si>
    <t>Fax</t>
    <phoneticPr fontId="2"/>
  </si>
  <si>
    <t>　保証金(敷金）</t>
    <rPh sb="1" eb="4">
      <t>ホショウキン</t>
    </rPh>
    <phoneticPr fontId="2"/>
  </si>
  <si>
    <t>29.7万円～46.8万円</t>
    <rPh sb="4" eb="6">
      <t>マンエン</t>
    </rPh>
    <phoneticPr fontId="2"/>
  </si>
  <si>
    <t>11.4万円～15.6万円</t>
    <rPh sb="4" eb="6">
      <t>マンエン</t>
    </rPh>
    <phoneticPr fontId="2"/>
  </si>
  <si>
    <t>148709</t>
  </si>
  <si>
    <t>139,750～147750</t>
  </si>
  <si>
    <t>137,780～152780</t>
  </si>
  <si>
    <t>110000</t>
  </si>
  <si>
    <t>129,000～134000</t>
  </si>
  <si>
    <t>98,300～105300</t>
  </si>
  <si>
    <t>137290</t>
  </si>
  <si>
    <t>136,125～170925</t>
  </si>
  <si>
    <t>109200+食費</t>
  </si>
  <si>
    <t>140000+光熱費</t>
  </si>
  <si>
    <t>133250+食費・光熱費</t>
  </si>
  <si>
    <t>149000</t>
  </si>
  <si>
    <t>100000</t>
  </si>
  <si>
    <t>113000</t>
  </si>
  <si>
    <t>96000</t>
  </si>
  <si>
    <t>90000</t>
  </si>
  <si>
    <t>148,000～171000</t>
  </si>
  <si>
    <t>114000</t>
  </si>
  <si>
    <t>119,000～218000</t>
  </si>
  <si>
    <t>86000</t>
  </si>
  <si>
    <t>88000</t>
  </si>
  <si>
    <t>64,000～94000</t>
  </si>
  <si>
    <t>98000</t>
  </si>
  <si>
    <t>135000</t>
  </si>
  <si>
    <t>62000</t>
  </si>
  <si>
    <t>125200</t>
  </si>
  <si>
    <t>115,560～128520</t>
  </si>
  <si>
    <t>123,000～</t>
  </si>
  <si>
    <t>89,200～99200</t>
  </si>
  <si>
    <t>67,000～102200</t>
  </si>
  <si>
    <t>176,400～233100</t>
  </si>
  <si>
    <t>157,600～160600</t>
  </si>
  <si>
    <t>137,500～163750</t>
  </si>
  <si>
    <t>138,700～311676</t>
  </si>
  <si>
    <t>139,250～165500</t>
  </si>
  <si>
    <t>99500</t>
  </si>
  <si>
    <t>138,720～168960</t>
  </si>
  <si>
    <t>99000</t>
  </si>
  <si>
    <t>106,000～126000</t>
  </si>
  <si>
    <t>108000</t>
  </si>
  <si>
    <t>120,000～130000</t>
  </si>
  <si>
    <t>93,000～98000</t>
  </si>
  <si>
    <t>89600</t>
  </si>
  <si>
    <t>94,300～103300</t>
  </si>
  <si>
    <t>101300</t>
  </si>
  <si>
    <t>118000</t>
  </si>
  <si>
    <t>152800</t>
  </si>
  <si>
    <t>95000</t>
  </si>
  <si>
    <t>135,750～232,500</t>
  </si>
  <si>
    <t>123,000～148000</t>
  </si>
  <si>
    <t>169680</t>
  </si>
  <si>
    <t>152400</t>
  </si>
  <si>
    <t>152,827～213530</t>
  </si>
  <si>
    <t>119,350～124,980　　　(※日割可）</t>
  </si>
  <si>
    <t>109500+光熱費</t>
  </si>
  <si>
    <t>23630</t>
  </si>
  <si>
    <t>10972+光熱水費</t>
  </si>
  <si>
    <t>63900</t>
  </si>
  <si>
    <t>97200</t>
  </si>
  <si>
    <t>139000</t>
  </si>
  <si>
    <t>145000</t>
  </si>
  <si>
    <t>120000</t>
  </si>
  <si>
    <t>145000160500</t>
  </si>
  <si>
    <t>112500</t>
  </si>
  <si>
    <t>103,500～105,000
+光熱費</t>
  </si>
  <si>
    <t>88150</t>
  </si>
  <si>
    <t/>
  </si>
  <si>
    <t>月額利用料(食費・管理料込み）※１</t>
    <rPh sb="0" eb="2">
      <t>ゲツガク</t>
    </rPh>
    <rPh sb="2" eb="5">
      <t>リヨウリョウ</t>
    </rPh>
    <phoneticPr fontId="2"/>
  </si>
  <si>
    <t>○</t>
  </si>
  <si>
    <t>○ 有料</t>
  </si>
  <si>
    <t>○ 管理料込み(協力病院）</t>
  </si>
  <si>
    <t>○ 管理料込み(出雲市内）</t>
  </si>
  <si>
    <t>家族対応</t>
  </si>
  <si>
    <t>看護師日中常勤</t>
    <rPh sb="0" eb="3">
      <t>カンゴシ</t>
    </rPh>
    <rPh sb="3" eb="5">
      <t>ニッチュウ</t>
    </rPh>
    <rPh sb="5" eb="7">
      <t>ジョウキン</t>
    </rPh>
    <phoneticPr fontId="2"/>
  </si>
  <si>
    <t>○ 管理料込み</t>
  </si>
  <si>
    <t>○ 月2回迄無料</t>
  </si>
  <si>
    <t xml:space="preserve">○ </t>
  </si>
  <si>
    <t>○ 管理料
込み</t>
  </si>
  <si>
    <t>要相談</t>
  </si>
  <si>
    <t>別途料金</t>
  </si>
  <si>
    <t>室数</t>
    <rPh sb="0" eb="1">
      <t>シツ</t>
    </rPh>
    <rPh sb="1" eb="2">
      <t>スウ</t>
    </rPh>
    <phoneticPr fontId="2"/>
  </si>
  <si>
    <t>13.75㎡</t>
  </si>
  <si>
    <t>13.75～20.00㎡</t>
  </si>
  <si>
    <t>24.13～32.30㎡</t>
  </si>
  <si>
    <t>9.00㎡</t>
  </si>
  <si>
    <t>14.40～18.00㎡</t>
  </si>
  <si>
    <t>　10.25～12.67㎡</t>
  </si>
  <si>
    <t>8.７３～9.00㎡</t>
  </si>
  <si>
    <t>25.25㎡</t>
  </si>
  <si>
    <t>7.5㎡</t>
  </si>
  <si>
    <t>13.37～30.60㎡</t>
  </si>
  <si>
    <t>23.10～34.65㎡</t>
  </si>
  <si>
    <t>18.00㎡</t>
  </si>
  <si>
    <t>15.49㎡</t>
  </si>
  <si>
    <t>18.72～21.06㎡</t>
  </si>
  <si>
    <t>14.82～18.53㎡</t>
  </si>
  <si>
    <t>8.00～8.05㎡</t>
  </si>
  <si>
    <t>11.64㎡</t>
  </si>
  <si>
    <t>9.32～12.31㎡</t>
  </si>
  <si>
    <t>19.20～21.60㎡</t>
  </si>
  <si>
    <t>8.06㎡</t>
  </si>
  <si>
    <t>18.00～27.00㎡</t>
  </si>
  <si>
    <t>13.00㎡</t>
  </si>
  <si>
    <t>13.005㎡</t>
  </si>
  <si>
    <t>9.61㎡</t>
  </si>
  <si>
    <t>15.17㎡</t>
  </si>
  <si>
    <t>14㎡</t>
  </si>
  <si>
    <t>8.07～10.75㎡</t>
  </si>
  <si>
    <t>13.07～19.71㎡</t>
  </si>
  <si>
    <t>8.02～13.51㎡</t>
  </si>
  <si>
    <t>8.86～17.73㎡</t>
  </si>
  <si>
    <t>　6.50～15.81㎡</t>
  </si>
  <si>
    <t>14.40～16.00㎡</t>
  </si>
  <si>
    <t>18.16～19.97㎡</t>
  </si>
  <si>
    <t>15.05～85.80㎡</t>
  </si>
  <si>
    <t>18.7㎡</t>
  </si>
  <si>
    <t>13.72㎡</t>
  </si>
  <si>
    <t>8.10～9.36㎡</t>
  </si>
  <si>
    <t>19.5㎡</t>
  </si>
  <si>
    <t>12．6㎡</t>
  </si>
  <si>
    <t>18.0㎡</t>
  </si>
  <si>
    <t>12.0㎡</t>
  </si>
  <si>
    <t>18.8～26.5㎡</t>
  </si>
  <si>
    <t>8.39～10.64㎡</t>
  </si>
  <si>
    <t>13.0㎡</t>
  </si>
  <si>
    <t>10.78㎡</t>
  </si>
  <si>
    <t>10.31㎡</t>
  </si>
  <si>
    <t>10.5～11.74㎡</t>
  </si>
  <si>
    <t>35.00㎡</t>
  </si>
  <si>
    <t>13.12㎡</t>
  </si>
  <si>
    <t>12.96㎡</t>
  </si>
  <si>
    <t>1１.96㎡</t>
  </si>
  <si>
    <t>8.71～　　　　　　20.11㎡</t>
  </si>
  <si>
    <t>13.4～
26.25㎡</t>
  </si>
  <si>
    <t>10.74～14.13㎡</t>
  </si>
  <si>
    <t>14.28～20.17㎡</t>
  </si>
  <si>
    <t>13.01～18.00㎡</t>
  </si>
  <si>
    <t>13.77～32.24㎡</t>
  </si>
  <si>
    <t>11.61～14.10㎡</t>
  </si>
  <si>
    <t>10.25～13.25㎡</t>
  </si>
  <si>
    <t>16.00㎡</t>
  </si>
  <si>
    <t>14.00㎡</t>
  </si>
  <si>
    <t>15.4～25.1㎡</t>
  </si>
  <si>
    <t>9.72㎡</t>
  </si>
  <si>
    <t>14.9～16.1㎡</t>
  </si>
  <si>
    <t>18.24㎡</t>
  </si>
  <si>
    <t>10.5～15.75㎡</t>
  </si>
  <si>
    <t>13.05㎡</t>
  </si>
  <si>
    <t>13.20㎡</t>
  </si>
  <si>
    <t>10.63～10.90㎡</t>
  </si>
  <si>
    <t>郵便番号</t>
    <rPh sb="0" eb="4">
      <t>ユウビンバンゴウ</t>
    </rPh>
    <phoneticPr fontId="2"/>
  </si>
  <si>
    <t xml:space="preserve">○介護付 </t>
    <phoneticPr fontId="2"/>
  </si>
  <si>
    <t xml:space="preserve">○介護付  </t>
    <phoneticPr fontId="2"/>
  </si>
  <si>
    <t xml:space="preserve">○介護付 </t>
    <phoneticPr fontId="2"/>
  </si>
  <si>
    <t xml:space="preserve">○介護付  </t>
    <phoneticPr fontId="2"/>
  </si>
  <si>
    <t>□住宅型</t>
    <phoneticPr fontId="2"/>
  </si>
  <si>
    <t>□住宅型</t>
    <phoneticPr fontId="2"/>
  </si>
  <si>
    <t xml:space="preserve">介護付 </t>
  </si>
  <si>
    <t>住宅型</t>
  </si>
  <si>
    <t>緯度</t>
    <rPh sb="0" eb="2">
      <t>イド</t>
    </rPh>
    <phoneticPr fontId="2"/>
  </si>
  <si>
    <t>経度</t>
    <rPh sb="0" eb="2">
      <t>ケイ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color indexed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5">
    <xf numFmtId="0" fontId="0" fillId="0" borderId="0" xfId="0"/>
    <xf numFmtId="0" fontId="0" fillId="0" borderId="0" xfId="0" applyFont="1" applyFill="1" applyAlignment="1">
      <alignment vertical="center"/>
    </xf>
    <xf numFmtId="0" fontId="0" fillId="0" borderId="1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0" fillId="0" borderId="0" xfId="0" applyFont="1" applyFill="1" applyBorder="1" applyAlignment="1">
      <alignment vertical="center"/>
    </xf>
    <xf numFmtId="3" fontId="3" fillId="0" borderId="0" xfId="0" applyNumberFormat="1" applyFont="1" applyFill="1" applyBorder="1" applyAlignment="1">
      <alignment vertical="center"/>
    </xf>
    <xf numFmtId="57" fontId="3" fillId="0" borderId="0" xfId="0" applyNumberFormat="1" applyFont="1" applyFill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38" fontId="3" fillId="0" borderId="1" xfId="1" applyFont="1" applyFill="1" applyBorder="1" applyAlignment="1">
      <alignment vertical="center"/>
    </xf>
    <xf numFmtId="57" fontId="3" fillId="0" borderId="1" xfId="0" applyNumberFormat="1" applyFont="1" applyFill="1" applyBorder="1" applyAlignment="1">
      <alignment vertical="center"/>
    </xf>
    <xf numFmtId="57" fontId="0" fillId="0" borderId="1" xfId="0" applyNumberFormat="1" applyFont="1" applyFill="1" applyBorder="1" applyAlignment="1">
      <alignment vertical="center"/>
    </xf>
    <xf numFmtId="38" fontId="3" fillId="0" borderId="1" xfId="1" quotePrefix="1" applyFont="1" applyFill="1" applyBorder="1" applyAlignment="1">
      <alignment vertical="center"/>
    </xf>
    <xf numFmtId="3" fontId="3" fillId="0" borderId="1" xfId="0" applyNumberFormat="1" applyFont="1" applyFill="1" applyBorder="1" applyAlignment="1">
      <alignment vertical="center"/>
    </xf>
    <xf numFmtId="38" fontId="1" fillId="0" borderId="1" xfId="1" applyFont="1" applyFill="1" applyBorder="1" applyAlignment="1">
      <alignment vertical="center"/>
    </xf>
    <xf numFmtId="0" fontId="0" fillId="0" borderId="1" xfId="0" applyBorder="1"/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connections" Target="connection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queryTables/queryTable1.xml><?xml version="1.0" encoding="utf-8"?>
<queryTable xmlns="http://schemas.openxmlformats.org/spreadsheetml/2006/main" name="text" connectionId="1" autoFormatId="20" applyNumberFormats="0" applyBorderFormats="0" applyFontFormats="1" applyPatternFormats="1" applyAlignmentFormats="0" applyWidthHeightFormats="0"/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queryTable" Target="../queryTables/query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V77"/>
  <sheetViews>
    <sheetView tabSelected="1" topLeftCell="M1" zoomScaleNormal="100" zoomScaleSheetLayoutView="75" workbookViewId="0">
      <selection activeCell="C83" sqref="C83"/>
    </sheetView>
  </sheetViews>
  <sheetFormatPr defaultRowHeight="18.75" customHeight="1" x14ac:dyDescent="0.15"/>
  <cols>
    <col min="1" max="1" width="3.75" style="1" customWidth="1"/>
    <col min="2" max="2" width="6.375" style="1" customWidth="1"/>
    <col min="3" max="3" width="53.75" style="1" customWidth="1"/>
    <col min="4" max="4" width="10.25" style="1" bestFit="1" customWidth="1"/>
    <col min="5" max="5" width="13.875" style="1" bestFit="1" customWidth="1"/>
    <col min="6" max="6" width="13.375" style="1" customWidth="1"/>
    <col min="7" max="7" width="25.625" style="1" customWidth="1"/>
    <col min="8" max="8" width="13.875" style="1" bestFit="1" customWidth="1"/>
    <col min="9" max="9" width="15" style="1" bestFit="1" customWidth="1"/>
    <col min="10" max="10" width="27.25" style="1" bestFit="1" customWidth="1"/>
    <col min="11" max="12" width="5.875" style="1" bestFit="1" customWidth="1"/>
    <col min="13" max="13" width="11.25" style="1" customWidth="1"/>
    <col min="14" max="14" width="18.5" style="1" bestFit="1" customWidth="1"/>
    <col min="15" max="15" width="31.875" style="1" bestFit="1" customWidth="1"/>
    <col min="16" max="16" width="15.125" style="1" bestFit="1" customWidth="1"/>
    <col min="17" max="17" width="23.875" style="1" bestFit="1" customWidth="1"/>
    <col min="18" max="18" width="21.625" style="1" bestFit="1" customWidth="1"/>
    <col min="19" max="19" width="16.375" style="1" customWidth="1"/>
    <col min="20" max="20" width="22" style="1" bestFit="1" customWidth="1"/>
    <col min="21" max="16384" width="9" style="1"/>
  </cols>
  <sheetData>
    <row r="1" spans="1:22" ht="18.75" customHeight="1" x14ac:dyDescent="0.15">
      <c r="A1" s="2" t="s">
        <v>6</v>
      </c>
      <c r="B1" s="2" t="s">
        <v>4</v>
      </c>
      <c r="C1" s="2" t="s">
        <v>7</v>
      </c>
      <c r="D1" s="2" t="s">
        <v>623</v>
      </c>
      <c r="E1" s="2" t="s">
        <v>624</v>
      </c>
      <c r="F1" s="2" t="s">
        <v>616</v>
      </c>
      <c r="G1" s="2" t="s">
        <v>39</v>
      </c>
      <c r="H1" s="2" t="s">
        <v>461</v>
      </c>
      <c r="I1" s="2" t="s">
        <v>462</v>
      </c>
      <c r="J1" s="2" t="s">
        <v>49</v>
      </c>
      <c r="K1" s="2" t="s">
        <v>546</v>
      </c>
      <c r="L1" s="2" t="s">
        <v>0</v>
      </c>
      <c r="M1" s="2" t="s">
        <v>1</v>
      </c>
      <c r="N1" s="2" t="s">
        <v>463</v>
      </c>
      <c r="O1" s="2" t="s">
        <v>533</v>
      </c>
      <c r="P1" s="2" t="s">
        <v>539</v>
      </c>
      <c r="Q1" s="2" t="s">
        <v>59</v>
      </c>
      <c r="R1" s="2" t="s">
        <v>2</v>
      </c>
      <c r="S1" s="2" t="s">
        <v>413</v>
      </c>
      <c r="T1" s="2" t="s">
        <v>414</v>
      </c>
      <c r="U1" s="2" t="s">
        <v>625</v>
      </c>
      <c r="V1" s="2" t="s">
        <v>626</v>
      </c>
    </row>
    <row r="2" spans="1:22" ht="18.75" customHeight="1" x14ac:dyDescent="0.15">
      <c r="A2" s="2">
        <v>1</v>
      </c>
      <c r="B2" s="2" t="s">
        <v>8</v>
      </c>
      <c r="C2" s="2" t="s">
        <v>9</v>
      </c>
      <c r="D2" s="7" t="s">
        <v>617</v>
      </c>
      <c r="E2" s="2"/>
      <c r="F2" s="2" t="s">
        <v>114</v>
      </c>
      <c r="G2" s="2" t="s">
        <v>10</v>
      </c>
      <c r="H2" s="2" t="s">
        <v>240</v>
      </c>
      <c r="I2" s="2" t="s">
        <v>60</v>
      </c>
      <c r="J2" s="2" t="s">
        <v>51</v>
      </c>
      <c r="K2" s="2">
        <v>120</v>
      </c>
      <c r="L2" s="2">
        <v>120</v>
      </c>
      <c r="M2" s="7" t="s">
        <v>157</v>
      </c>
      <c r="N2" s="7" t="s">
        <v>3</v>
      </c>
      <c r="O2" s="8" t="s">
        <v>466</v>
      </c>
      <c r="P2" s="2" t="s">
        <v>534</v>
      </c>
      <c r="Q2" s="2" t="s">
        <v>540</v>
      </c>
      <c r="R2" s="7" t="s">
        <v>547</v>
      </c>
      <c r="S2" s="9">
        <v>38431</v>
      </c>
      <c r="T2" s="9">
        <v>38808</v>
      </c>
      <c r="U2" s="14">
        <v>35.432097400000004</v>
      </c>
      <c r="V2" s="14">
        <v>133.0733438</v>
      </c>
    </row>
    <row r="3" spans="1:22" ht="18.75" customHeight="1" x14ac:dyDescent="0.15">
      <c r="A3" s="2">
        <v>2</v>
      </c>
      <c r="B3" s="2" t="s">
        <v>8</v>
      </c>
      <c r="C3" s="2" t="s">
        <v>155</v>
      </c>
      <c r="D3" s="7" t="s">
        <v>618</v>
      </c>
      <c r="E3" s="2"/>
      <c r="F3" s="2" t="s">
        <v>115</v>
      </c>
      <c r="G3" s="2" t="s">
        <v>274</v>
      </c>
      <c r="H3" s="2" t="s">
        <v>11</v>
      </c>
      <c r="I3" s="2" t="s">
        <v>61</v>
      </c>
      <c r="J3" s="2" t="s">
        <v>50</v>
      </c>
      <c r="K3" s="2">
        <v>26</v>
      </c>
      <c r="L3" s="2">
        <v>26</v>
      </c>
      <c r="M3" s="7" t="s">
        <v>157</v>
      </c>
      <c r="N3" s="7" t="s">
        <v>156</v>
      </c>
      <c r="O3" s="7" t="s">
        <v>467</v>
      </c>
      <c r="P3" s="2" t="s">
        <v>534</v>
      </c>
      <c r="Q3" s="2" t="s">
        <v>541</v>
      </c>
      <c r="R3" s="7" t="s">
        <v>548</v>
      </c>
      <c r="S3" s="9">
        <v>39326</v>
      </c>
      <c r="T3" s="9">
        <v>39326</v>
      </c>
      <c r="U3" s="14">
        <v>35.432630899999999</v>
      </c>
      <c r="V3" s="14">
        <v>133.13937369999999</v>
      </c>
    </row>
    <row r="4" spans="1:22" ht="18.75" customHeight="1" x14ac:dyDescent="0.15">
      <c r="A4" s="2">
        <v>3</v>
      </c>
      <c r="B4" s="2" t="s">
        <v>8</v>
      </c>
      <c r="C4" s="2" t="s">
        <v>13</v>
      </c>
      <c r="D4" s="2"/>
      <c r="E4" s="2" t="s">
        <v>621</v>
      </c>
      <c r="F4" s="2" t="s">
        <v>116</v>
      </c>
      <c r="G4" s="2" t="s">
        <v>15</v>
      </c>
      <c r="H4" s="2" t="s">
        <v>14</v>
      </c>
      <c r="I4" s="2" t="s">
        <v>62</v>
      </c>
      <c r="J4" s="2" t="s">
        <v>218</v>
      </c>
      <c r="K4" s="2">
        <v>8</v>
      </c>
      <c r="L4" s="2">
        <v>9</v>
      </c>
      <c r="M4" s="7" t="s">
        <v>12</v>
      </c>
      <c r="N4" s="7" t="s">
        <v>3</v>
      </c>
      <c r="O4" s="8" t="s">
        <v>468</v>
      </c>
      <c r="P4" s="2" t="s">
        <v>532</v>
      </c>
      <c r="Q4" s="2" t="s">
        <v>538</v>
      </c>
      <c r="R4" s="7" t="s">
        <v>549</v>
      </c>
      <c r="S4" s="9">
        <v>38750</v>
      </c>
      <c r="T4" s="9">
        <v>38808</v>
      </c>
      <c r="U4" s="14">
        <v>35.481793799999998</v>
      </c>
      <c r="V4" s="14">
        <v>133.0430279</v>
      </c>
    </row>
    <row r="5" spans="1:22" ht="18.75" customHeight="1" x14ac:dyDescent="0.15">
      <c r="A5" s="2">
        <v>4</v>
      </c>
      <c r="B5" s="2" t="s">
        <v>8</v>
      </c>
      <c r="C5" s="2" t="s">
        <v>44</v>
      </c>
      <c r="D5" s="2"/>
      <c r="E5" s="2" t="s">
        <v>622</v>
      </c>
      <c r="F5" s="2" t="s">
        <v>370</v>
      </c>
      <c r="G5" s="2" t="s">
        <v>45</v>
      </c>
      <c r="H5" s="2" t="s">
        <v>63</v>
      </c>
      <c r="I5" s="2" t="s">
        <v>64</v>
      </c>
      <c r="J5" s="2" t="s">
        <v>54</v>
      </c>
      <c r="K5" s="2">
        <v>9</v>
      </c>
      <c r="L5" s="2">
        <v>9</v>
      </c>
      <c r="M5" s="7" t="s">
        <v>3</v>
      </c>
      <c r="N5" s="7" t="s">
        <v>3</v>
      </c>
      <c r="O5" s="8" t="s">
        <v>469</v>
      </c>
      <c r="P5" s="2" t="s">
        <v>532</v>
      </c>
      <c r="Q5" s="2" t="s">
        <v>538</v>
      </c>
      <c r="R5" s="7" t="s">
        <v>550</v>
      </c>
      <c r="S5" s="9">
        <v>39353</v>
      </c>
      <c r="T5" s="9">
        <v>39353</v>
      </c>
      <c r="U5" s="14">
        <v>35.437949500000002</v>
      </c>
      <c r="V5" s="14">
        <v>133.06876890000001</v>
      </c>
    </row>
    <row r="6" spans="1:22" ht="18.75" customHeight="1" x14ac:dyDescent="0.15">
      <c r="A6" s="2">
        <v>5</v>
      </c>
      <c r="B6" s="2" t="s">
        <v>8</v>
      </c>
      <c r="C6" s="2" t="s">
        <v>65</v>
      </c>
      <c r="D6" s="2"/>
      <c r="E6" s="2" t="s">
        <v>622</v>
      </c>
      <c r="F6" s="2" t="s">
        <v>117</v>
      </c>
      <c r="G6" s="2" t="s">
        <v>67</v>
      </c>
      <c r="H6" s="2" t="s">
        <v>66</v>
      </c>
      <c r="I6" s="2" t="s">
        <v>68</v>
      </c>
      <c r="J6" s="2" t="s">
        <v>200</v>
      </c>
      <c r="K6" s="2">
        <v>50</v>
      </c>
      <c r="L6" s="2">
        <v>50</v>
      </c>
      <c r="M6" s="7" t="s">
        <v>20</v>
      </c>
      <c r="N6" s="7" t="s">
        <v>3</v>
      </c>
      <c r="O6" s="8" t="s">
        <v>470</v>
      </c>
      <c r="P6" s="2" t="s">
        <v>532</v>
      </c>
      <c r="Q6" s="2" t="s">
        <v>544</v>
      </c>
      <c r="R6" s="7" t="s">
        <v>551</v>
      </c>
      <c r="S6" s="9">
        <v>39448</v>
      </c>
      <c r="T6" s="9">
        <v>39448</v>
      </c>
      <c r="U6" s="14">
        <v>35.483724799999997</v>
      </c>
      <c r="V6" s="14">
        <v>133.06582839999999</v>
      </c>
    </row>
    <row r="7" spans="1:22" ht="18.75" customHeight="1" x14ac:dyDescent="0.15">
      <c r="A7" s="2">
        <v>6</v>
      </c>
      <c r="B7" s="2" t="s">
        <v>8</v>
      </c>
      <c r="C7" s="2" t="s">
        <v>69</v>
      </c>
      <c r="D7" s="2"/>
      <c r="E7" s="2" t="s">
        <v>622</v>
      </c>
      <c r="F7" s="2" t="s">
        <v>118</v>
      </c>
      <c r="G7" s="2" t="s">
        <v>72</v>
      </c>
      <c r="H7" s="2" t="s">
        <v>70</v>
      </c>
      <c r="I7" s="2" t="s">
        <v>365</v>
      </c>
      <c r="J7" s="2" t="s">
        <v>71</v>
      </c>
      <c r="K7" s="2">
        <v>17</v>
      </c>
      <c r="L7" s="2">
        <v>17</v>
      </c>
      <c r="M7" s="7" t="s">
        <v>3</v>
      </c>
      <c r="N7" s="7" t="s">
        <v>3</v>
      </c>
      <c r="O7" s="8" t="s">
        <v>471</v>
      </c>
      <c r="P7" s="2" t="s">
        <v>532</v>
      </c>
      <c r="Q7" s="2" t="s">
        <v>538</v>
      </c>
      <c r="R7" s="7" t="s">
        <v>552</v>
      </c>
      <c r="S7" s="9">
        <v>39539</v>
      </c>
      <c r="T7" s="9">
        <v>39539</v>
      </c>
      <c r="U7" s="14">
        <v>35.437867500000003</v>
      </c>
      <c r="V7" s="14">
        <v>133.00956099999999</v>
      </c>
    </row>
    <row r="8" spans="1:22" ht="18.75" customHeight="1" x14ac:dyDescent="0.15">
      <c r="A8" s="2">
        <v>7</v>
      </c>
      <c r="B8" s="2" t="s">
        <v>8</v>
      </c>
      <c r="C8" s="2" t="s">
        <v>160</v>
      </c>
      <c r="D8" s="2"/>
      <c r="E8" s="2" t="s">
        <v>622</v>
      </c>
      <c r="F8" s="2" t="s">
        <v>162</v>
      </c>
      <c r="G8" s="2" t="s">
        <v>161</v>
      </c>
      <c r="H8" s="2" t="s">
        <v>163</v>
      </c>
      <c r="I8" s="2" t="s">
        <v>170</v>
      </c>
      <c r="J8" s="2" t="s">
        <v>54</v>
      </c>
      <c r="K8" s="2">
        <v>18</v>
      </c>
      <c r="L8" s="2">
        <v>18</v>
      </c>
      <c r="M8" s="7" t="s">
        <v>3</v>
      </c>
      <c r="N8" s="7" t="s">
        <v>3</v>
      </c>
      <c r="O8" s="8" t="s">
        <v>469</v>
      </c>
      <c r="P8" s="2" t="s">
        <v>532</v>
      </c>
      <c r="Q8" s="2" t="s">
        <v>538</v>
      </c>
      <c r="R8" s="7" t="s">
        <v>553</v>
      </c>
      <c r="S8" s="9">
        <v>39904</v>
      </c>
      <c r="T8" s="9">
        <v>39904</v>
      </c>
      <c r="U8" s="14">
        <v>35.413882399999999</v>
      </c>
      <c r="V8" s="14">
        <v>133.0389672</v>
      </c>
    </row>
    <row r="9" spans="1:22" ht="18.75" customHeight="1" x14ac:dyDescent="0.15">
      <c r="A9" s="2">
        <v>8</v>
      </c>
      <c r="B9" s="2" t="s">
        <v>8</v>
      </c>
      <c r="C9" s="2" t="s">
        <v>177</v>
      </c>
      <c r="D9" s="2"/>
      <c r="E9" s="2" t="s">
        <v>622</v>
      </c>
      <c r="F9" s="2" t="s">
        <v>114</v>
      </c>
      <c r="G9" s="2" t="s">
        <v>180</v>
      </c>
      <c r="H9" s="2" t="s">
        <v>182</v>
      </c>
      <c r="I9" s="2" t="s">
        <v>183</v>
      </c>
      <c r="J9" s="2" t="s">
        <v>178</v>
      </c>
      <c r="K9" s="2">
        <v>12</v>
      </c>
      <c r="L9" s="2">
        <v>12</v>
      </c>
      <c r="M9" s="7" t="s">
        <v>3</v>
      </c>
      <c r="N9" s="7" t="s">
        <v>3</v>
      </c>
      <c r="O9" s="8" t="s">
        <v>472</v>
      </c>
      <c r="P9" s="2" t="s">
        <v>532</v>
      </c>
      <c r="Q9" s="2" t="s">
        <v>538</v>
      </c>
      <c r="R9" s="7" t="s">
        <v>554</v>
      </c>
      <c r="S9" s="9">
        <v>38443</v>
      </c>
      <c r="T9" s="9">
        <v>38808</v>
      </c>
      <c r="U9" s="14">
        <v>35.431705800000003</v>
      </c>
      <c r="V9" s="14">
        <v>133.07675750000001</v>
      </c>
    </row>
    <row r="10" spans="1:22" ht="18.75" customHeight="1" x14ac:dyDescent="0.15">
      <c r="A10" s="2">
        <v>9</v>
      </c>
      <c r="B10" s="2" t="s">
        <v>8</v>
      </c>
      <c r="C10" s="2" t="s">
        <v>179</v>
      </c>
      <c r="D10" s="2"/>
      <c r="E10" s="2" t="s">
        <v>622</v>
      </c>
      <c r="F10" s="2" t="s">
        <v>118</v>
      </c>
      <c r="G10" s="2" t="s">
        <v>181</v>
      </c>
      <c r="H10" s="2" t="s">
        <v>258</v>
      </c>
      <c r="I10" s="2" t="s">
        <v>399</v>
      </c>
      <c r="J10" s="2" t="s">
        <v>54</v>
      </c>
      <c r="K10" s="2">
        <v>30</v>
      </c>
      <c r="L10" s="2">
        <v>32</v>
      </c>
      <c r="M10" s="7" t="s">
        <v>3</v>
      </c>
      <c r="N10" s="7" t="s">
        <v>3</v>
      </c>
      <c r="O10" s="8" t="s">
        <v>469</v>
      </c>
      <c r="P10" s="2" t="s">
        <v>532</v>
      </c>
      <c r="Q10" s="2" t="s">
        <v>538</v>
      </c>
      <c r="R10" s="7" t="s">
        <v>555</v>
      </c>
      <c r="S10" s="9">
        <v>40060</v>
      </c>
      <c r="T10" s="9">
        <v>40060</v>
      </c>
      <c r="U10" s="14">
        <v>35.435873399999998</v>
      </c>
      <c r="V10" s="14">
        <v>133.0121747</v>
      </c>
    </row>
    <row r="11" spans="1:22" ht="18.75" customHeight="1" x14ac:dyDescent="0.15">
      <c r="A11" s="2">
        <v>10</v>
      </c>
      <c r="B11" s="2" t="s">
        <v>8</v>
      </c>
      <c r="C11" s="2" t="s">
        <v>184</v>
      </c>
      <c r="D11" s="7" t="s">
        <v>619</v>
      </c>
      <c r="E11" s="2"/>
      <c r="F11" s="2" t="s">
        <v>185</v>
      </c>
      <c r="G11" s="2" t="s">
        <v>188</v>
      </c>
      <c r="H11" s="2" t="s">
        <v>186</v>
      </c>
      <c r="I11" s="2" t="s">
        <v>189</v>
      </c>
      <c r="J11" s="2" t="s">
        <v>187</v>
      </c>
      <c r="K11" s="2">
        <v>16</v>
      </c>
      <c r="L11" s="2">
        <v>24</v>
      </c>
      <c r="M11" s="7" t="s">
        <v>3</v>
      </c>
      <c r="N11" s="7" t="s">
        <v>464</v>
      </c>
      <c r="O11" s="8" t="s">
        <v>473</v>
      </c>
      <c r="P11" s="2" t="s">
        <v>532</v>
      </c>
      <c r="Q11" s="2" t="s">
        <v>535</v>
      </c>
      <c r="R11" s="7" t="s">
        <v>556</v>
      </c>
      <c r="S11" s="9">
        <v>40127</v>
      </c>
      <c r="T11" s="9">
        <v>40127</v>
      </c>
      <c r="U11" s="14">
        <v>35.4471846</v>
      </c>
      <c r="V11" s="14">
        <v>133.06431610000001</v>
      </c>
    </row>
    <row r="12" spans="1:22" ht="18.75" customHeight="1" x14ac:dyDescent="0.15">
      <c r="A12" s="2">
        <v>11</v>
      </c>
      <c r="B12" s="2" t="s">
        <v>8</v>
      </c>
      <c r="C12" s="2" t="s">
        <v>190</v>
      </c>
      <c r="D12" s="2"/>
      <c r="E12" s="2" t="s">
        <v>622</v>
      </c>
      <c r="F12" s="2" t="s">
        <v>191</v>
      </c>
      <c r="G12" s="2" t="s">
        <v>193</v>
      </c>
      <c r="H12" s="2" t="s">
        <v>408</v>
      </c>
      <c r="I12" s="2" t="s">
        <v>366</v>
      </c>
      <c r="J12" s="2" t="s">
        <v>192</v>
      </c>
      <c r="K12" s="2">
        <v>30</v>
      </c>
      <c r="L12" s="2">
        <v>60</v>
      </c>
      <c r="M12" s="7" t="s">
        <v>3</v>
      </c>
      <c r="N12" s="7" t="s">
        <v>465</v>
      </c>
      <c r="O12" s="8" t="s">
        <v>474</v>
      </c>
      <c r="P12" s="2" t="s">
        <v>532</v>
      </c>
      <c r="Q12" s="2" t="s">
        <v>538</v>
      </c>
      <c r="R12" s="7" t="s">
        <v>557</v>
      </c>
      <c r="S12" s="9">
        <v>40210</v>
      </c>
      <c r="T12" s="9">
        <v>40210</v>
      </c>
      <c r="U12" s="14">
        <v>35.432200199999997</v>
      </c>
      <c r="V12" s="14">
        <v>133.07130230000001</v>
      </c>
    </row>
    <row r="13" spans="1:22" ht="18.75" customHeight="1" x14ac:dyDescent="0.15">
      <c r="A13" s="2">
        <v>12</v>
      </c>
      <c r="B13" s="2" t="s">
        <v>8</v>
      </c>
      <c r="C13" s="2" t="s">
        <v>212</v>
      </c>
      <c r="D13" s="7" t="s">
        <v>618</v>
      </c>
      <c r="E13" s="2"/>
      <c r="F13" s="2" t="s">
        <v>213</v>
      </c>
      <c r="G13" s="2" t="s">
        <v>409</v>
      </c>
      <c r="H13" s="2" t="s">
        <v>214</v>
      </c>
      <c r="I13" s="2" t="s">
        <v>215</v>
      </c>
      <c r="J13" s="2" t="s">
        <v>216</v>
      </c>
      <c r="K13" s="2">
        <v>50</v>
      </c>
      <c r="L13" s="2">
        <v>50</v>
      </c>
      <c r="M13" s="7" t="s">
        <v>217</v>
      </c>
      <c r="N13" s="7" t="s">
        <v>3</v>
      </c>
      <c r="O13" s="8" t="s">
        <v>475</v>
      </c>
      <c r="P13" s="2" t="s">
        <v>534</v>
      </c>
      <c r="Q13" s="2" t="s">
        <v>542</v>
      </c>
      <c r="R13" s="7" t="s">
        <v>558</v>
      </c>
      <c r="S13" s="9">
        <v>40391</v>
      </c>
      <c r="T13" s="9">
        <v>40391</v>
      </c>
      <c r="U13" s="14">
        <v>35.482649500000001</v>
      </c>
      <c r="V13" s="14">
        <v>133.04857179999999</v>
      </c>
    </row>
    <row r="14" spans="1:22" ht="18.75" customHeight="1" x14ac:dyDescent="0.15">
      <c r="A14" s="2">
        <v>13</v>
      </c>
      <c r="B14" s="2" t="s">
        <v>8</v>
      </c>
      <c r="C14" s="2" t="s">
        <v>239</v>
      </c>
      <c r="D14" s="7" t="s">
        <v>619</v>
      </c>
      <c r="E14" s="2"/>
      <c r="F14" s="2" t="s">
        <v>410</v>
      </c>
      <c r="G14" s="2" t="s">
        <v>411</v>
      </c>
      <c r="H14" s="2" t="s">
        <v>241</v>
      </c>
      <c r="I14" s="2" t="s">
        <v>242</v>
      </c>
      <c r="J14" s="2" t="s">
        <v>51</v>
      </c>
      <c r="K14" s="2">
        <v>60</v>
      </c>
      <c r="L14" s="2">
        <v>60</v>
      </c>
      <c r="M14" s="7" t="s">
        <v>157</v>
      </c>
      <c r="N14" s="7" t="s">
        <v>3</v>
      </c>
      <c r="O14" s="8" t="s">
        <v>476</v>
      </c>
      <c r="P14" s="2" t="s">
        <v>534</v>
      </c>
      <c r="Q14" s="2" t="s">
        <v>540</v>
      </c>
      <c r="R14" s="7" t="s">
        <v>559</v>
      </c>
      <c r="S14" s="9">
        <v>40673</v>
      </c>
      <c r="T14" s="9">
        <v>40673</v>
      </c>
      <c r="U14" s="14">
        <v>35.434038800000003</v>
      </c>
      <c r="V14" s="14">
        <v>133.0737215</v>
      </c>
    </row>
    <row r="15" spans="1:22" ht="18.75" customHeight="1" x14ac:dyDescent="0.15">
      <c r="A15" s="2">
        <v>14</v>
      </c>
      <c r="B15" s="2" t="s">
        <v>8</v>
      </c>
      <c r="C15" s="2" t="s">
        <v>265</v>
      </c>
      <c r="D15" s="2"/>
      <c r="E15" s="2" t="s">
        <v>622</v>
      </c>
      <c r="F15" s="2" t="s">
        <v>371</v>
      </c>
      <c r="G15" s="2" t="s">
        <v>272</v>
      </c>
      <c r="H15" s="2" t="s">
        <v>266</v>
      </c>
      <c r="I15" s="2" t="s">
        <v>321</v>
      </c>
      <c r="J15" s="2" t="s">
        <v>267</v>
      </c>
      <c r="K15" s="2">
        <v>37</v>
      </c>
      <c r="L15" s="2">
        <v>41</v>
      </c>
      <c r="M15" s="7" t="s">
        <v>140</v>
      </c>
      <c r="N15" s="7" t="s">
        <v>3</v>
      </c>
      <c r="O15" s="8" t="s">
        <v>477</v>
      </c>
      <c r="P15" s="2" t="s">
        <v>532</v>
      </c>
      <c r="Q15" s="2" t="s">
        <v>538</v>
      </c>
      <c r="R15" s="7" t="s">
        <v>560</v>
      </c>
      <c r="S15" s="9">
        <v>40893</v>
      </c>
      <c r="T15" s="9">
        <v>40893</v>
      </c>
      <c r="U15" s="14">
        <v>35.433821000000002</v>
      </c>
      <c r="V15" s="14">
        <v>133.0149495</v>
      </c>
    </row>
    <row r="16" spans="1:22" ht="18.75" customHeight="1" x14ac:dyDescent="0.15">
      <c r="A16" s="2">
        <v>15</v>
      </c>
      <c r="B16" s="2" t="s">
        <v>8</v>
      </c>
      <c r="C16" s="2" t="s">
        <v>268</v>
      </c>
      <c r="D16" s="2"/>
      <c r="E16" s="2" t="s">
        <v>622</v>
      </c>
      <c r="F16" s="2" t="s">
        <v>269</v>
      </c>
      <c r="G16" s="2" t="s">
        <v>270</v>
      </c>
      <c r="H16" s="2" t="s">
        <v>367</v>
      </c>
      <c r="I16" s="2" t="s">
        <v>368</v>
      </c>
      <c r="J16" s="2" t="s">
        <v>153</v>
      </c>
      <c r="K16" s="2">
        <v>16</v>
      </c>
      <c r="L16" s="2">
        <v>18</v>
      </c>
      <c r="M16" s="7" t="s">
        <v>3</v>
      </c>
      <c r="N16" s="7" t="s">
        <v>271</v>
      </c>
      <c r="O16" s="8" t="s">
        <v>478</v>
      </c>
      <c r="P16" s="2" t="s">
        <v>532</v>
      </c>
      <c r="Q16" s="2" t="s">
        <v>536</v>
      </c>
      <c r="R16" s="7" t="s">
        <v>561</v>
      </c>
      <c r="S16" s="9">
        <v>40961</v>
      </c>
      <c r="T16" s="9">
        <v>40961</v>
      </c>
      <c r="U16" s="14">
        <v>35.397233300000003</v>
      </c>
      <c r="V16" s="14">
        <v>132.8813404</v>
      </c>
    </row>
    <row r="17" spans="1:22" ht="18.75" customHeight="1" x14ac:dyDescent="0.15">
      <c r="A17" s="2">
        <v>16</v>
      </c>
      <c r="B17" s="2" t="s">
        <v>8</v>
      </c>
      <c r="C17" s="2" t="s">
        <v>276</v>
      </c>
      <c r="D17" s="2"/>
      <c r="E17" s="2" t="s">
        <v>622</v>
      </c>
      <c r="F17" s="2" t="s">
        <v>372</v>
      </c>
      <c r="G17" s="2" t="s">
        <v>279</v>
      </c>
      <c r="H17" s="2" t="s">
        <v>277</v>
      </c>
      <c r="I17" s="2" t="s">
        <v>280</v>
      </c>
      <c r="J17" s="2" t="s">
        <v>278</v>
      </c>
      <c r="K17" s="2">
        <v>9</v>
      </c>
      <c r="L17" s="2">
        <v>9</v>
      </c>
      <c r="M17" s="7" t="s">
        <v>3</v>
      </c>
      <c r="N17" s="7" t="s">
        <v>3</v>
      </c>
      <c r="O17" s="8" t="s">
        <v>479</v>
      </c>
      <c r="P17" s="2" t="s">
        <v>532</v>
      </c>
      <c r="Q17" s="2" t="s">
        <v>535</v>
      </c>
      <c r="R17" s="7" t="s">
        <v>562</v>
      </c>
      <c r="S17" s="9">
        <v>41122</v>
      </c>
      <c r="T17" s="9">
        <v>41122</v>
      </c>
      <c r="U17" s="14">
        <v>35.448475799999997</v>
      </c>
      <c r="V17" s="14">
        <v>133.048473</v>
      </c>
    </row>
    <row r="18" spans="1:22" ht="18.75" customHeight="1" x14ac:dyDescent="0.15">
      <c r="A18" s="2">
        <v>17</v>
      </c>
      <c r="B18" s="2" t="s">
        <v>8</v>
      </c>
      <c r="C18" s="2" t="s">
        <v>281</v>
      </c>
      <c r="D18" s="2"/>
      <c r="E18" s="2" t="s">
        <v>622</v>
      </c>
      <c r="F18" s="2" t="s">
        <v>282</v>
      </c>
      <c r="G18" s="2" t="s">
        <v>285</v>
      </c>
      <c r="H18" s="2" t="s">
        <v>283</v>
      </c>
      <c r="I18" s="2" t="s">
        <v>286</v>
      </c>
      <c r="J18" s="2" t="s">
        <v>284</v>
      </c>
      <c r="K18" s="2">
        <v>18</v>
      </c>
      <c r="L18" s="2">
        <v>18</v>
      </c>
      <c r="M18" s="7" t="s">
        <v>3</v>
      </c>
      <c r="N18" s="7" t="s">
        <v>5</v>
      </c>
      <c r="O18" s="8" t="s">
        <v>480</v>
      </c>
      <c r="P18" s="2" t="s">
        <v>532</v>
      </c>
      <c r="Q18" s="2" t="s">
        <v>538</v>
      </c>
      <c r="R18" s="7" t="s">
        <v>563</v>
      </c>
      <c r="S18" s="9">
        <v>41183</v>
      </c>
      <c r="T18" s="9">
        <v>41183</v>
      </c>
      <c r="U18" s="14">
        <v>35.514415800000002</v>
      </c>
      <c r="V18" s="14">
        <v>133.19119280000001</v>
      </c>
    </row>
    <row r="19" spans="1:22" ht="18.75" customHeight="1" x14ac:dyDescent="0.15">
      <c r="A19" s="2">
        <v>18</v>
      </c>
      <c r="B19" s="2" t="s">
        <v>8</v>
      </c>
      <c r="C19" s="2" t="s">
        <v>446</v>
      </c>
      <c r="D19" s="2"/>
      <c r="E19" s="2" t="s">
        <v>622</v>
      </c>
      <c r="F19" s="2" t="s">
        <v>287</v>
      </c>
      <c r="G19" s="2" t="s">
        <v>289</v>
      </c>
      <c r="H19" s="2" t="s">
        <v>288</v>
      </c>
      <c r="I19" s="2" t="s">
        <v>345</v>
      </c>
      <c r="J19" s="2" t="s">
        <v>447</v>
      </c>
      <c r="K19" s="2">
        <v>16</v>
      </c>
      <c r="L19" s="2">
        <v>16</v>
      </c>
      <c r="M19" s="7" t="s">
        <v>3</v>
      </c>
      <c r="N19" s="7" t="s">
        <v>3</v>
      </c>
      <c r="O19" s="8" t="s">
        <v>481</v>
      </c>
      <c r="P19" s="2" t="s">
        <v>532</v>
      </c>
      <c r="Q19" s="2" t="s">
        <v>535</v>
      </c>
      <c r="R19" s="7" t="s">
        <v>564</v>
      </c>
      <c r="S19" s="9">
        <v>41192</v>
      </c>
      <c r="T19" s="9">
        <v>41192</v>
      </c>
      <c r="U19" s="14">
        <v>35.507221299999998</v>
      </c>
      <c r="V19" s="14">
        <v>133.16182090000001</v>
      </c>
    </row>
    <row r="20" spans="1:22" ht="18.75" customHeight="1" x14ac:dyDescent="0.15">
      <c r="A20" s="2">
        <v>19</v>
      </c>
      <c r="B20" s="2" t="s">
        <v>8</v>
      </c>
      <c r="C20" s="2" t="s">
        <v>339</v>
      </c>
      <c r="D20" s="2"/>
      <c r="E20" s="2" t="s">
        <v>622</v>
      </c>
      <c r="F20" s="2" t="s">
        <v>341</v>
      </c>
      <c r="G20" s="2" t="s">
        <v>340</v>
      </c>
      <c r="H20" s="2" t="s">
        <v>343</v>
      </c>
      <c r="I20" s="2" t="s">
        <v>344</v>
      </c>
      <c r="J20" s="2" t="s">
        <v>342</v>
      </c>
      <c r="K20" s="2">
        <v>23</v>
      </c>
      <c r="L20" s="2">
        <v>23</v>
      </c>
      <c r="M20" s="7" t="s">
        <v>336</v>
      </c>
      <c r="N20" s="7" t="s">
        <v>336</v>
      </c>
      <c r="O20" s="8" t="s">
        <v>482</v>
      </c>
      <c r="P20" s="2" t="s">
        <v>532</v>
      </c>
      <c r="Q20" s="2" t="s">
        <v>538</v>
      </c>
      <c r="R20" s="7" t="s">
        <v>565</v>
      </c>
      <c r="S20" s="9">
        <v>41456</v>
      </c>
      <c r="T20" s="9">
        <v>41456</v>
      </c>
      <c r="U20" s="14">
        <v>35.426417600000001</v>
      </c>
      <c r="V20" s="14">
        <v>133.1393989</v>
      </c>
    </row>
    <row r="21" spans="1:22" ht="18.75" customHeight="1" x14ac:dyDescent="0.15">
      <c r="A21" s="2">
        <v>20</v>
      </c>
      <c r="B21" s="2" t="s">
        <v>8</v>
      </c>
      <c r="C21" s="2" t="s">
        <v>347</v>
      </c>
      <c r="D21" s="2"/>
      <c r="E21" s="2" t="s">
        <v>622</v>
      </c>
      <c r="F21" s="2" t="s">
        <v>348</v>
      </c>
      <c r="G21" s="2" t="s">
        <v>349</v>
      </c>
      <c r="H21" s="2" t="s">
        <v>350</v>
      </c>
      <c r="I21" s="2" t="s">
        <v>351</v>
      </c>
      <c r="J21" s="2" t="s">
        <v>278</v>
      </c>
      <c r="K21" s="2">
        <v>26</v>
      </c>
      <c r="L21" s="2">
        <v>26</v>
      </c>
      <c r="M21" s="7" t="s">
        <v>336</v>
      </c>
      <c r="N21" s="7" t="s">
        <v>336</v>
      </c>
      <c r="O21" s="8" t="s">
        <v>483</v>
      </c>
      <c r="P21" s="2" t="s">
        <v>532</v>
      </c>
      <c r="Q21" s="2" t="s">
        <v>535</v>
      </c>
      <c r="R21" s="7" t="s">
        <v>566</v>
      </c>
      <c r="S21" s="9">
        <v>41487</v>
      </c>
      <c r="T21" s="9">
        <v>41487</v>
      </c>
      <c r="U21" s="14">
        <v>35.463941300000002</v>
      </c>
      <c r="V21" s="14">
        <v>133.07632000000001</v>
      </c>
    </row>
    <row r="22" spans="1:22" ht="18.75" customHeight="1" x14ac:dyDescent="0.15">
      <c r="A22" s="2">
        <v>21</v>
      </c>
      <c r="B22" s="2" t="s">
        <v>8</v>
      </c>
      <c r="C22" s="2" t="s">
        <v>352</v>
      </c>
      <c r="D22" s="2"/>
      <c r="E22" s="2" t="s">
        <v>622</v>
      </c>
      <c r="F22" s="2" t="s">
        <v>358</v>
      </c>
      <c r="G22" s="2" t="s">
        <v>353</v>
      </c>
      <c r="H22" s="2" t="s">
        <v>354</v>
      </c>
      <c r="I22" s="2" t="s">
        <v>355</v>
      </c>
      <c r="J22" s="2" t="s">
        <v>356</v>
      </c>
      <c r="K22" s="2">
        <v>26</v>
      </c>
      <c r="L22" s="2">
        <v>27</v>
      </c>
      <c r="M22" s="7" t="s">
        <v>336</v>
      </c>
      <c r="N22" s="7" t="s">
        <v>357</v>
      </c>
      <c r="O22" s="8" t="s">
        <v>484</v>
      </c>
      <c r="P22" s="2" t="s">
        <v>532</v>
      </c>
      <c r="Q22" s="2" t="s">
        <v>538</v>
      </c>
      <c r="R22" s="7" t="s">
        <v>567</v>
      </c>
      <c r="S22" s="9">
        <v>41487</v>
      </c>
      <c r="T22" s="9">
        <v>41487</v>
      </c>
      <c r="U22" s="14">
        <v>35.431314399999998</v>
      </c>
      <c r="V22" s="14">
        <v>133.1398265</v>
      </c>
    </row>
    <row r="23" spans="1:22" ht="18.75" customHeight="1" x14ac:dyDescent="0.15">
      <c r="A23" s="2">
        <v>22</v>
      </c>
      <c r="B23" s="2" t="s">
        <v>8</v>
      </c>
      <c r="C23" s="2" t="s">
        <v>364</v>
      </c>
      <c r="D23" s="2"/>
      <c r="E23" s="2" t="s">
        <v>622</v>
      </c>
      <c r="F23" s="2" t="s">
        <v>362</v>
      </c>
      <c r="G23" s="2" t="s">
        <v>363</v>
      </c>
      <c r="H23" s="2" t="s">
        <v>360</v>
      </c>
      <c r="I23" s="2" t="s">
        <v>361</v>
      </c>
      <c r="J23" s="2" t="s">
        <v>359</v>
      </c>
      <c r="K23" s="2">
        <v>28</v>
      </c>
      <c r="L23" s="2">
        <v>28</v>
      </c>
      <c r="M23" s="7" t="s">
        <v>336</v>
      </c>
      <c r="N23" s="7" t="s">
        <v>336</v>
      </c>
      <c r="O23" s="11" t="s">
        <v>485</v>
      </c>
      <c r="P23" s="2" t="s">
        <v>532</v>
      </c>
      <c r="Q23" s="2" t="s">
        <v>538</v>
      </c>
      <c r="R23" s="7" t="s">
        <v>568</v>
      </c>
      <c r="S23" s="9">
        <v>41609</v>
      </c>
      <c r="T23" s="9">
        <v>41609</v>
      </c>
      <c r="U23" s="14">
        <v>35.421634099999999</v>
      </c>
      <c r="V23" s="14">
        <v>133.12524519999999</v>
      </c>
    </row>
    <row r="24" spans="1:22" ht="18.75" customHeight="1" x14ac:dyDescent="0.15">
      <c r="A24" s="2">
        <v>23</v>
      </c>
      <c r="B24" s="2" t="s">
        <v>8</v>
      </c>
      <c r="C24" s="2" t="s">
        <v>386</v>
      </c>
      <c r="D24" s="2"/>
      <c r="E24" s="2" t="s">
        <v>622</v>
      </c>
      <c r="F24" s="2" t="s">
        <v>381</v>
      </c>
      <c r="G24" s="2" t="s">
        <v>382</v>
      </c>
      <c r="H24" s="2" t="s">
        <v>384</v>
      </c>
      <c r="I24" s="2" t="s">
        <v>385</v>
      </c>
      <c r="J24" s="2" t="s">
        <v>383</v>
      </c>
      <c r="K24" s="2">
        <v>29</v>
      </c>
      <c r="L24" s="2">
        <v>29</v>
      </c>
      <c r="M24" s="7" t="s">
        <v>336</v>
      </c>
      <c r="N24" s="7" t="s">
        <v>336</v>
      </c>
      <c r="O24" s="11" t="s">
        <v>486</v>
      </c>
      <c r="P24" s="2" t="s">
        <v>532</v>
      </c>
      <c r="Q24" s="2" t="s">
        <v>535</v>
      </c>
      <c r="R24" s="2" t="s">
        <v>569</v>
      </c>
      <c r="S24" s="9">
        <v>41791</v>
      </c>
      <c r="T24" s="9">
        <v>41791</v>
      </c>
      <c r="U24" s="14">
        <v>35.482352300000002</v>
      </c>
      <c r="V24" s="14">
        <v>133.04831630000001</v>
      </c>
    </row>
    <row r="25" spans="1:22" ht="18.75" customHeight="1" x14ac:dyDescent="0.15">
      <c r="A25" s="2">
        <v>24</v>
      </c>
      <c r="B25" s="2" t="s">
        <v>8</v>
      </c>
      <c r="C25" s="2" t="s">
        <v>387</v>
      </c>
      <c r="D25" s="2"/>
      <c r="E25" s="2" t="s">
        <v>622</v>
      </c>
      <c r="F25" s="2" t="s">
        <v>388</v>
      </c>
      <c r="G25" s="2" t="s">
        <v>389</v>
      </c>
      <c r="H25" s="2" t="s">
        <v>390</v>
      </c>
      <c r="I25" s="2" t="s">
        <v>391</v>
      </c>
      <c r="J25" s="2" t="s">
        <v>392</v>
      </c>
      <c r="K25" s="2">
        <v>26</v>
      </c>
      <c r="L25" s="2">
        <v>26</v>
      </c>
      <c r="M25" s="7" t="s">
        <v>336</v>
      </c>
      <c r="N25" s="7" t="s">
        <v>336</v>
      </c>
      <c r="O25" s="8" t="s">
        <v>487</v>
      </c>
      <c r="P25" s="2" t="s">
        <v>532</v>
      </c>
      <c r="Q25" s="2" t="s">
        <v>538</v>
      </c>
      <c r="R25" s="7" t="s">
        <v>570</v>
      </c>
      <c r="S25" s="9">
        <v>41852</v>
      </c>
      <c r="T25" s="9">
        <v>41852</v>
      </c>
      <c r="U25" s="14">
        <v>35.405084199999997</v>
      </c>
      <c r="V25" s="14">
        <v>133.0928394</v>
      </c>
    </row>
    <row r="26" spans="1:22" ht="18.75" customHeight="1" x14ac:dyDescent="0.15">
      <c r="A26" s="2">
        <v>25</v>
      </c>
      <c r="B26" s="2" t="s">
        <v>8</v>
      </c>
      <c r="C26" s="2" t="s">
        <v>393</v>
      </c>
      <c r="D26" s="2"/>
      <c r="E26" s="2" t="s">
        <v>622</v>
      </c>
      <c r="F26" s="2" t="s">
        <v>394</v>
      </c>
      <c r="G26" s="2" t="s">
        <v>395</v>
      </c>
      <c r="H26" s="2" t="s">
        <v>396</v>
      </c>
      <c r="I26" s="2" t="s">
        <v>397</v>
      </c>
      <c r="J26" s="2" t="s">
        <v>398</v>
      </c>
      <c r="K26" s="2">
        <v>26</v>
      </c>
      <c r="L26" s="2">
        <v>26</v>
      </c>
      <c r="M26" s="7" t="s">
        <v>336</v>
      </c>
      <c r="N26" s="7" t="s">
        <v>336</v>
      </c>
      <c r="O26" s="11" t="s">
        <v>488</v>
      </c>
      <c r="P26" s="2" t="s">
        <v>532</v>
      </c>
      <c r="Q26" s="2" t="s">
        <v>535</v>
      </c>
      <c r="R26" s="7" t="s">
        <v>568</v>
      </c>
      <c r="S26" s="9">
        <v>41885</v>
      </c>
      <c r="T26" s="9">
        <v>41885</v>
      </c>
      <c r="U26" s="14">
        <v>35.4270286</v>
      </c>
      <c r="V26" s="14">
        <v>133.13791570000001</v>
      </c>
    </row>
    <row r="27" spans="1:22" ht="18.75" customHeight="1" x14ac:dyDescent="0.15">
      <c r="A27" s="2">
        <v>26</v>
      </c>
      <c r="B27" s="2" t="s">
        <v>8</v>
      </c>
      <c r="C27" s="2" t="s">
        <v>422</v>
      </c>
      <c r="D27" s="2"/>
      <c r="E27" s="2" t="s">
        <v>622</v>
      </c>
      <c r="F27" s="2" t="s">
        <v>423</v>
      </c>
      <c r="G27" s="2" t="s">
        <v>424</v>
      </c>
      <c r="H27" s="2" t="s">
        <v>425</v>
      </c>
      <c r="I27" s="2" t="s">
        <v>426</v>
      </c>
      <c r="J27" s="2" t="s">
        <v>356</v>
      </c>
      <c r="K27" s="2">
        <v>27</v>
      </c>
      <c r="L27" s="2">
        <v>27</v>
      </c>
      <c r="M27" s="7" t="s">
        <v>336</v>
      </c>
      <c r="N27" s="7" t="s">
        <v>271</v>
      </c>
      <c r="O27" s="11" t="s">
        <v>489</v>
      </c>
      <c r="P27" s="2" t="s">
        <v>532</v>
      </c>
      <c r="Q27" s="2" t="s">
        <v>535</v>
      </c>
      <c r="R27" s="7" t="s">
        <v>558</v>
      </c>
      <c r="S27" s="9">
        <v>42156</v>
      </c>
      <c r="T27" s="9">
        <v>42156</v>
      </c>
      <c r="U27" s="14">
        <v>35.455633900000002</v>
      </c>
      <c r="V27" s="14">
        <v>133.0798618</v>
      </c>
    </row>
    <row r="28" spans="1:22" ht="18.75" customHeight="1" x14ac:dyDescent="0.15">
      <c r="A28" s="2">
        <v>27</v>
      </c>
      <c r="B28" s="2" t="s">
        <v>8</v>
      </c>
      <c r="C28" s="2" t="s">
        <v>427</v>
      </c>
      <c r="D28" s="2"/>
      <c r="E28" s="2" t="s">
        <v>622</v>
      </c>
      <c r="F28" s="2" t="s">
        <v>428</v>
      </c>
      <c r="G28" s="2" t="s">
        <v>429</v>
      </c>
      <c r="H28" s="2" t="s">
        <v>430</v>
      </c>
      <c r="I28" s="2" t="s">
        <v>431</v>
      </c>
      <c r="J28" s="2" t="s">
        <v>432</v>
      </c>
      <c r="K28" s="2">
        <v>5</v>
      </c>
      <c r="L28" s="2">
        <v>5</v>
      </c>
      <c r="M28" s="7" t="s">
        <v>336</v>
      </c>
      <c r="N28" s="7" t="s">
        <v>336</v>
      </c>
      <c r="O28" s="11" t="s">
        <v>480</v>
      </c>
      <c r="P28" s="2" t="s">
        <v>532</v>
      </c>
      <c r="Q28" s="2" t="s">
        <v>538</v>
      </c>
      <c r="R28" s="7" t="s">
        <v>571</v>
      </c>
      <c r="S28" s="9">
        <v>42170</v>
      </c>
      <c r="T28" s="9">
        <v>42170</v>
      </c>
      <c r="U28" s="14">
        <v>35.390003700000001</v>
      </c>
      <c r="V28" s="14">
        <v>132.8816573</v>
      </c>
    </row>
    <row r="29" spans="1:22" ht="18.75" customHeight="1" x14ac:dyDescent="0.15">
      <c r="A29" s="2">
        <v>28</v>
      </c>
      <c r="B29" s="2" t="s">
        <v>8</v>
      </c>
      <c r="C29" s="2" t="s">
        <v>433</v>
      </c>
      <c r="D29" s="2"/>
      <c r="E29" s="2" t="s">
        <v>622</v>
      </c>
      <c r="F29" s="2" t="s">
        <v>444</v>
      </c>
      <c r="G29" s="2" t="s">
        <v>434</v>
      </c>
      <c r="H29" s="2" t="s">
        <v>435</v>
      </c>
      <c r="I29" s="2" t="s">
        <v>436</v>
      </c>
      <c r="J29" s="2" t="s">
        <v>437</v>
      </c>
      <c r="K29" s="2">
        <v>25</v>
      </c>
      <c r="L29" s="2">
        <v>25</v>
      </c>
      <c r="M29" s="7" t="s">
        <v>336</v>
      </c>
      <c r="N29" s="7" t="s">
        <v>438</v>
      </c>
      <c r="O29" s="11" t="s">
        <v>490</v>
      </c>
      <c r="P29" s="2" t="s">
        <v>532</v>
      </c>
      <c r="Q29" s="2" t="s">
        <v>540</v>
      </c>
      <c r="R29" s="7" t="s">
        <v>572</v>
      </c>
      <c r="S29" s="9">
        <v>42263</v>
      </c>
      <c r="T29" s="9">
        <v>42263</v>
      </c>
      <c r="U29" s="14">
        <v>35.430083799999998</v>
      </c>
      <c r="V29" s="14">
        <v>133.0885567</v>
      </c>
    </row>
    <row r="30" spans="1:22" ht="18.75" customHeight="1" x14ac:dyDescent="0.15">
      <c r="A30" s="2">
        <v>29</v>
      </c>
      <c r="B30" s="2" t="s">
        <v>8</v>
      </c>
      <c r="C30" s="2" t="s">
        <v>439</v>
      </c>
      <c r="D30" s="2"/>
      <c r="E30" s="2" t="s">
        <v>622</v>
      </c>
      <c r="F30" s="2" t="s">
        <v>441</v>
      </c>
      <c r="G30" s="2" t="s">
        <v>440</v>
      </c>
      <c r="H30" s="2" t="s">
        <v>442</v>
      </c>
      <c r="I30" s="2" t="s">
        <v>443</v>
      </c>
      <c r="J30" s="2" t="s">
        <v>278</v>
      </c>
      <c r="K30" s="2">
        <v>25</v>
      </c>
      <c r="L30" s="2">
        <v>25</v>
      </c>
      <c r="M30" s="7" t="s">
        <v>336</v>
      </c>
      <c r="N30" s="7" t="s">
        <v>336</v>
      </c>
      <c r="O30" s="11" t="s">
        <v>491</v>
      </c>
      <c r="P30" s="2" t="s">
        <v>532</v>
      </c>
      <c r="Q30" s="2" t="s">
        <v>540</v>
      </c>
      <c r="R30" s="7" t="s">
        <v>572</v>
      </c>
      <c r="S30" s="9">
        <v>42309</v>
      </c>
      <c r="T30" s="9">
        <v>42309</v>
      </c>
      <c r="U30" s="14">
        <v>35.4528678</v>
      </c>
      <c r="V30" s="14">
        <v>133.09166920000001</v>
      </c>
    </row>
    <row r="31" spans="1:22" ht="18.75" customHeight="1" x14ac:dyDescent="0.15">
      <c r="A31" s="2">
        <v>30</v>
      </c>
      <c r="B31" s="2" t="s">
        <v>8</v>
      </c>
      <c r="C31" s="2" t="s">
        <v>448</v>
      </c>
      <c r="D31" s="2"/>
      <c r="E31" s="2" t="s">
        <v>622</v>
      </c>
      <c r="F31" s="2" t="s">
        <v>449</v>
      </c>
      <c r="G31" s="2" t="s">
        <v>450</v>
      </c>
      <c r="H31" s="2" t="s">
        <v>451</v>
      </c>
      <c r="I31" s="2" t="s">
        <v>452</v>
      </c>
      <c r="J31" s="2" t="s">
        <v>453</v>
      </c>
      <c r="K31" s="2">
        <v>8</v>
      </c>
      <c r="L31" s="2">
        <v>8</v>
      </c>
      <c r="M31" s="7" t="s">
        <v>336</v>
      </c>
      <c r="N31" s="7" t="s">
        <v>271</v>
      </c>
      <c r="O31" s="11" t="s">
        <v>492</v>
      </c>
      <c r="P31" s="2" t="s">
        <v>532</v>
      </c>
      <c r="Q31" s="2" t="s">
        <v>538</v>
      </c>
      <c r="R31" s="7" t="s">
        <v>573</v>
      </c>
      <c r="S31" s="9">
        <v>38047</v>
      </c>
      <c r="T31" s="9">
        <v>38808</v>
      </c>
      <c r="U31" s="14">
        <v>35.407884099999997</v>
      </c>
      <c r="V31" s="14">
        <v>133.09633049999999</v>
      </c>
    </row>
    <row r="32" spans="1:22" ht="18.75" customHeight="1" x14ac:dyDescent="0.15">
      <c r="A32" s="2">
        <v>31</v>
      </c>
      <c r="B32" s="2" t="s">
        <v>8</v>
      </c>
      <c r="C32" s="2" t="s">
        <v>455</v>
      </c>
      <c r="D32" s="2"/>
      <c r="E32" s="2" t="s">
        <v>622</v>
      </c>
      <c r="F32" s="2" t="s">
        <v>456</v>
      </c>
      <c r="G32" s="2" t="s">
        <v>457</v>
      </c>
      <c r="H32" s="2" t="s">
        <v>458</v>
      </c>
      <c r="I32" s="2" t="s">
        <v>459</v>
      </c>
      <c r="J32" s="2" t="s">
        <v>460</v>
      </c>
      <c r="K32" s="2">
        <v>23</v>
      </c>
      <c r="L32" s="2">
        <v>25</v>
      </c>
      <c r="M32" s="7" t="s">
        <v>336</v>
      </c>
      <c r="N32" s="7" t="s">
        <v>336</v>
      </c>
      <c r="O32" s="11" t="s">
        <v>493</v>
      </c>
      <c r="P32" s="2" t="s">
        <v>532</v>
      </c>
      <c r="Q32" s="2" t="s">
        <v>542</v>
      </c>
      <c r="R32" s="7" t="s">
        <v>574</v>
      </c>
      <c r="S32" s="9">
        <v>42632</v>
      </c>
      <c r="T32" s="9">
        <v>42632</v>
      </c>
      <c r="U32" s="14">
        <v>35.435247099999998</v>
      </c>
      <c r="V32" s="14">
        <v>133.13606569999999</v>
      </c>
    </row>
    <row r="33" spans="1:22" ht="18.75" customHeight="1" x14ac:dyDescent="0.15">
      <c r="A33" s="2">
        <v>32</v>
      </c>
      <c r="B33" s="2" t="s">
        <v>454</v>
      </c>
      <c r="C33" s="2" t="s">
        <v>132</v>
      </c>
      <c r="D33" s="2"/>
      <c r="E33" s="2" t="s">
        <v>622</v>
      </c>
      <c r="F33" s="2" t="s">
        <v>133</v>
      </c>
      <c r="G33" s="2" t="s">
        <v>134</v>
      </c>
      <c r="H33" s="2" t="s">
        <v>135</v>
      </c>
      <c r="I33" s="2" t="s">
        <v>136</v>
      </c>
      <c r="J33" s="2" t="s">
        <v>137</v>
      </c>
      <c r="K33" s="2">
        <v>11</v>
      </c>
      <c r="L33" s="2">
        <v>11</v>
      </c>
      <c r="M33" s="7" t="s">
        <v>3</v>
      </c>
      <c r="N33" s="7" t="s">
        <v>3</v>
      </c>
      <c r="O33" s="8" t="s">
        <v>494</v>
      </c>
      <c r="P33" s="2" t="s">
        <v>532</v>
      </c>
      <c r="Q33" s="2" t="s">
        <v>538</v>
      </c>
      <c r="R33" s="7" t="s">
        <v>575</v>
      </c>
      <c r="S33" s="9">
        <v>39680</v>
      </c>
      <c r="T33" s="9">
        <v>39680</v>
      </c>
      <c r="U33" s="14">
        <v>35.311083400000001</v>
      </c>
      <c r="V33" s="14">
        <v>133.19095659999999</v>
      </c>
    </row>
    <row r="34" spans="1:22" ht="18.75" customHeight="1" x14ac:dyDescent="0.15">
      <c r="A34" s="2">
        <v>33</v>
      </c>
      <c r="B34" s="2" t="s">
        <v>454</v>
      </c>
      <c r="C34" s="2" t="s">
        <v>207</v>
      </c>
      <c r="D34" s="2"/>
      <c r="E34" s="2" t="s">
        <v>622</v>
      </c>
      <c r="F34" s="2" t="s">
        <v>208</v>
      </c>
      <c r="G34" s="2" t="s">
        <v>209</v>
      </c>
      <c r="H34" s="2" t="s">
        <v>210</v>
      </c>
      <c r="I34" s="2" t="s">
        <v>211</v>
      </c>
      <c r="J34" s="2" t="s">
        <v>137</v>
      </c>
      <c r="K34" s="2">
        <v>16</v>
      </c>
      <c r="L34" s="2">
        <v>20</v>
      </c>
      <c r="M34" s="7" t="s">
        <v>3</v>
      </c>
      <c r="N34" s="7" t="s">
        <v>3</v>
      </c>
      <c r="O34" s="8" t="s">
        <v>495</v>
      </c>
      <c r="P34" s="2" t="s">
        <v>532</v>
      </c>
      <c r="Q34" s="2" t="s">
        <v>538</v>
      </c>
      <c r="R34" s="7" t="s">
        <v>576</v>
      </c>
      <c r="S34" s="9">
        <v>40422</v>
      </c>
      <c r="T34" s="9">
        <v>40422</v>
      </c>
      <c r="U34" s="14">
        <v>35.251242599999998</v>
      </c>
      <c r="V34" s="14">
        <v>133.17698799999999</v>
      </c>
    </row>
    <row r="35" spans="1:22" ht="18.75" customHeight="1" x14ac:dyDescent="0.15">
      <c r="A35" s="2">
        <v>34</v>
      </c>
      <c r="B35" s="2" t="s">
        <v>16</v>
      </c>
      <c r="C35" s="2" t="s">
        <v>73</v>
      </c>
      <c r="D35" s="7" t="s">
        <v>618</v>
      </c>
      <c r="E35" s="2"/>
      <c r="F35" s="2" t="s">
        <v>119</v>
      </c>
      <c r="G35" s="2" t="s">
        <v>17</v>
      </c>
      <c r="H35" s="2" t="s">
        <v>74</v>
      </c>
      <c r="I35" s="2" t="s">
        <v>76</v>
      </c>
      <c r="J35" s="2" t="s">
        <v>75</v>
      </c>
      <c r="K35" s="2">
        <v>29</v>
      </c>
      <c r="L35" s="2">
        <v>42</v>
      </c>
      <c r="M35" s="7" t="s">
        <v>3</v>
      </c>
      <c r="N35" s="7" t="s">
        <v>3</v>
      </c>
      <c r="O35" s="8" t="s">
        <v>496</v>
      </c>
      <c r="P35" s="2" t="s">
        <v>534</v>
      </c>
      <c r="Q35" s="2" t="s">
        <v>540</v>
      </c>
      <c r="R35" s="7" t="s">
        <v>577</v>
      </c>
      <c r="S35" s="9">
        <v>34851</v>
      </c>
      <c r="T35" s="9">
        <v>38808</v>
      </c>
      <c r="U35" s="14">
        <v>35.396943</v>
      </c>
      <c r="V35" s="14">
        <v>132.7678813</v>
      </c>
    </row>
    <row r="36" spans="1:22" ht="18.75" customHeight="1" x14ac:dyDescent="0.15">
      <c r="A36" s="2">
        <v>35</v>
      </c>
      <c r="B36" s="2" t="s">
        <v>16</v>
      </c>
      <c r="C36" s="2" t="s">
        <v>77</v>
      </c>
      <c r="D36" s="7" t="s">
        <v>618</v>
      </c>
      <c r="E36" s="2"/>
      <c r="F36" s="2" t="s">
        <v>120</v>
      </c>
      <c r="G36" s="2" t="s">
        <v>80</v>
      </c>
      <c r="H36" s="2" t="s">
        <v>78</v>
      </c>
      <c r="I36" s="2" t="s">
        <v>81</v>
      </c>
      <c r="J36" s="2" t="s">
        <v>79</v>
      </c>
      <c r="K36" s="2">
        <v>50</v>
      </c>
      <c r="L36" s="2">
        <v>50</v>
      </c>
      <c r="M36" s="7" t="s">
        <v>3</v>
      </c>
      <c r="N36" s="7" t="s">
        <v>48</v>
      </c>
      <c r="O36" s="8" t="s">
        <v>497</v>
      </c>
      <c r="P36" s="2" t="s">
        <v>534</v>
      </c>
      <c r="Q36" s="2" t="s">
        <v>536</v>
      </c>
      <c r="R36" s="7" t="s">
        <v>578</v>
      </c>
      <c r="S36" s="9">
        <v>39527</v>
      </c>
      <c r="T36" s="9">
        <v>39527</v>
      </c>
      <c r="U36" s="14">
        <v>35.3617317</v>
      </c>
      <c r="V36" s="14">
        <v>132.6935957</v>
      </c>
    </row>
    <row r="37" spans="1:22" ht="18.75" customHeight="1" x14ac:dyDescent="0.15">
      <c r="A37" s="2">
        <v>36</v>
      </c>
      <c r="B37" s="2" t="s">
        <v>16</v>
      </c>
      <c r="C37" s="2" t="s">
        <v>18</v>
      </c>
      <c r="D37" s="7" t="s">
        <v>618</v>
      </c>
      <c r="E37" s="2"/>
      <c r="F37" s="2" t="s">
        <v>121</v>
      </c>
      <c r="G37" s="2" t="s">
        <v>273</v>
      </c>
      <c r="H37" s="2" t="s">
        <v>19</v>
      </c>
      <c r="I37" s="2" t="s">
        <v>82</v>
      </c>
      <c r="J37" s="2" t="s">
        <v>56</v>
      </c>
      <c r="K37" s="2">
        <v>43</v>
      </c>
      <c r="L37" s="2">
        <v>43</v>
      </c>
      <c r="M37" s="7" t="s">
        <v>20</v>
      </c>
      <c r="N37" s="7" t="s">
        <v>3</v>
      </c>
      <c r="O37" s="7" t="s">
        <v>498</v>
      </c>
      <c r="P37" s="2" t="s">
        <v>534</v>
      </c>
      <c r="Q37" s="2" t="s">
        <v>540</v>
      </c>
      <c r="R37" s="7" t="s">
        <v>579</v>
      </c>
      <c r="S37" s="9">
        <v>38285</v>
      </c>
      <c r="T37" s="9">
        <v>38808</v>
      </c>
      <c r="U37" s="14">
        <v>35.388725000000001</v>
      </c>
      <c r="V37" s="14">
        <v>132.832123</v>
      </c>
    </row>
    <row r="38" spans="1:22" ht="18.75" customHeight="1" x14ac:dyDescent="0.15">
      <c r="A38" s="2">
        <v>37</v>
      </c>
      <c r="B38" s="2" t="s">
        <v>16</v>
      </c>
      <c r="C38" s="2" t="s">
        <v>21</v>
      </c>
      <c r="D38" s="7" t="s">
        <v>618</v>
      </c>
      <c r="E38" s="2" t="s">
        <v>622</v>
      </c>
      <c r="F38" s="2" t="s">
        <v>122</v>
      </c>
      <c r="G38" s="2" t="s">
        <v>23</v>
      </c>
      <c r="H38" s="2" t="s">
        <v>22</v>
      </c>
      <c r="I38" s="2" t="s">
        <v>83</v>
      </c>
      <c r="J38" s="2" t="s">
        <v>55</v>
      </c>
      <c r="K38" s="2">
        <v>50</v>
      </c>
      <c r="L38" s="2">
        <v>50</v>
      </c>
      <c r="M38" s="7" t="s">
        <v>3</v>
      </c>
      <c r="N38" s="7" t="s">
        <v>3</v>
      </c>
      <c r="O38" s="8" t="s">
        <v>499</v>
      </c>
      <c r="P38" s="2" t="s">
        <v>534</v>
      </c>
      <c r="Q38" s="2" t="s">
        <v>540</v>
      </c>
      <c r="R38" s="7" t="s">
        <v>580</v>
      </c>
      <c r="S38" s="9">
        <v>39229</v>
      </c>
      <c r="T38" s="9">
        <v>39229</v>
      </c>
      <c r="U38" s="14">
        <v>35.322249599999999</v>
      </c>
      <c r="V38" s="14">
        <v>132.67948240000001</v>
      </c>
    </row>
    <row r="39" spans="1:22" ht="18.75" customHeight="1" x14ac:dyDescent="0.15">
      <c r="A39" s="2">
        <v>38</v>
      </c>
      <c r="B39" s="2" t="s">
        <v>16</v>
      </c>
      <c r="C39" s="2" t="s">
        <v>201</v>
      </c>
      <c r="D39" s="7" t="s">
        <v>618</v>
      </c>
      <c r="E39" s="2"/>
      <c r="F39" s="2" t="s">
        <v>202</v>
      </c>
      <c r="G39" s="2" t="s">
        <v>203</v>
      </c>
      <c r="H39" s="2" t="s">
        <v>204</v>
      </c>
      <c r="I39" s="2" t="s">
        <v>205</v>
      </c>
      <c r="J39" s="2" t="s">
        <v>206</v>
      </c>
      <c r="K39" s="2">
        <v>48</v>
      </c>
      <c r="L39" s="2">
        <v>48</v>
      </c>
      <c r="M39" s="7" t="s">
        <v>138</v>
      </c>
      <c r="N39" s="7" t="s">
        <v>3</v>
      </c>
      <c r="O39" s="8" t="s">
        <v>500</v>
      </c>
      <c r="P39" s="2" t="s">
        <v>534</v>
      </c>
      <c r="Q39" s="2" t="s">
        <v>540</v>
      </c>
      <c r="R39" s="7" t="s">
        <v>581</v>
      </c>
      <c r="S39" s="9">
        <v>40391</v>
      </c>
      <c r="T39" s="9">
        <v>40391</v>
      </c>
      <c r="U39" s="14">
        <v>35.355441999999996</v>
      </c>
      <c r="V39" s="14">
        <v>132.75297370000001</v>
      </c>
    </row>
    <row r="40" spans="1:22" ht="18.75" customHeight="1" x14ac:dyDescent="0.15">
      <c r="A40" s="2">
        <v>39</v>
      </c>
      <c r="B40" s="2" t="s">
        <v>16</v>
      </c>
      <c r="C40" s="2" t="s">
        <v>220</v>
      </c>
      <c r="D40" s="2"/>
      <c r="E40" s="2" t="s">
        <v>622</v>
      </c>
      <c r="F40" s="2" t="s">
        <v>221</v>
      </c>
      <c r="G40" s="2" t="s">
        <v>222</v>
      </c>
      <c r="H40" s="2" t="s">
        <v>376</v>
      </c>
      <c r="I40" s="2" t="s">
        <v>377</v>
      </c>
      <c r="J40" s="2" t="s">
        <v>223</v>
      </c>
      <c r="K40" s="2">
        <v>20</v>
      </c>
      <c r="L40" s="2">
        <v>20</v>
      </c>
      <c r="M40" s="7" t="s">
        <v>138</v>
      </c>
      <c r="N40" s="7" t="s">
        <v>3</v>
      </c>
      <c r="O40" s="8" t="s">
        <v>501</v>
      </c>
      <c r="P40" s="2" t="s">
        <v>534</v>
      </c>
      <c r="Q40" s="2" t="s">
        <v>538</v>
      </c>
      <c r="R40" s="7" t="s">
        <v>582</v>
      </c>
      <c r="S40" s="9">
        <v>40610</v>
      </c>
      <c r="T40" s="9">
        <v>40610</v>
      </c>
      <c r="U40" s="14">
        <v>35.333507599999997</v>
      </c>
      <c r="V40" s="14">
        <v>132.7221132</v>
      </c>
    </row>
    <row r="41" spans="1:22" ht="18.75" customHeight="1" x14ac:dyDescent="0.15">
      <c r="A41" s="2">
        <v>40</v>
      </c>
      <c r="B41" s="2" t="s">
        <v>16</v>
      </c>
      <c r="C41" s="2" t="s">
        <v>243</v>
      </c>
      <c r="D41" s="2"/>
      <c r="E41" s="2" t="s">
        <v>622</v>
      </c>
      <c r="F41" s="2" t="s">
        <v>378</v>
      </c>
      <c r="G41" s="2" t="s">
        <v>244</v>
      </c>
      <c r="H41" s="2" t="s">
        <v>373</v>
      </c>
      <c r="I41" s="2" t="s">
        <v>379</v>
      </c>
      <c r="J41" s="2" t="s">
        <v>54</v>
      </c>
      <c r="K41" s="2">
        <v>33</v>
      </c>
      <c r="L41" s="2">
        <v>33</v>
      </c>
      <c r="M41" s="7" t="s">
        <v>3</v>
      </c>
      <c r="N41" s="7" t="s">
        <v>3</v>
      </c>
      <c r="O41" s="8" t="s">
        <v>469</v>
      </c>
      <c r="P41" s="2" t="s">
        <v>532</v>
      </c>
      <c r="Q41" s="2" t="s">
        <v>538</v>
      </c>
      <c r="R41" s="7" t="s">
        <v>583</v>
      </c>
      <c r="S41" s="9">
        <v>40787</v>
      </c>
      <c r="T41" s="9">
        <v>40787</v>
      </c>
      <c r="U41" s="14">
        <v>35.361601200000003</v>
      </c>
      <c r="V41" s="14">
        <v>132.69950900000001</v>
      </c>
    </row>
    <row r="42" spans="1:22" ht="18.75" customHeight="1" x14ac:dyDescent="0.15">
      <c r="A42" s="2">
        <v>41</v>
      </c>
      <c r="B42" s="2" t="s">
        <v>16</v>
      </c>
      <c r="C42" s="2" t="s">
        <v>255</v>
      </c>
      <c r="D42" s="7" t="s">
        <v>618</v>
      </c>
      <c r="E42" s="2"/>
      <c r="F42" s="2" t="s">
        <v>40</v>
      </c>
      <c r="G42" s="2" t="s">
        <v>256</v>
      </c>
      <c r="H42" s="2" t="s">
        <v>41</v>
      </c>
      <c r="I42" s="2" t="s">
        <v>257</v>
      </c>
      <c r="J42" s="2" t="s">
        <v>56</v>
      </c>
      <c r="K42" s="2">
        <v>30</v>
      </c>
      <c r="L42" s="2">
        <v>30</v>
      </c>
      <c r="M42" s="7" t="s">
        <v>3</v>
      </c>
      <c r="N42" s="7" t="s">
        <v>3</v>
      </c>
      <c r="O42" s="7" t="s">
        <v>502</v>
      </c>
      <c r="P42" s="2" t="s">
        <v>534</v>
      </c>
      <c r="Q42" s="2" t="s">
        <v>540</v>
      </c>
      <c r="R42" s="7" t="s">
        <v>584</v>
      </c>
      <c r="S42" s="9">
        <v>40940</v>
      </c>
      <c r="T42" s="9">
        <v>40940</v>
      </c>
      <c r="U42" s="14">
        <v>35.354661499999999</v>
      </c>
      <c r="V42" s="14">
        <v>132.75250980000001</v>
      </c>
    </row>
    <row r="43" spans="1:22" ht="18.75" customHeight="1" x14ac:dyDescent="0.15">
      <c r="A43" s="2">
        <v>42</v>
      </c>
      <c r="B43" s="2" t="s">
        <v>16</v>
      </c>
      <c r="C43" s="2" t="s">
        <v>259</v>
      </c>
      <c r="D43" s="2"/>
      <c r="E43" s="2" t="s">
        <v>622</v>
      </c>
      <c r="F43" s="2" t="s">
        <v>260</v>
      </c>
      <c r="G43" s="2" t="s">
        <v>261</v>
      </c>
      <c r="H43" s="2" t="s">
        <v>262</v>
      </c>
      <c r="I43" s="2" t="s">
        <v>263</v>
      </c>
      <c r="J43" s="2" t="s">
        <v>264</v>
      </c>
      <c r="K43" s="2">
        <v>22</v>
      </c>
      <c r="L43" s="2">
        <v>22</v>
      </c>
      <c r="M43" s="7" t="s">
        <v>3</v>
      </c>
      <c r="N43" s="7" t="s">
        <v>48</v>
      </c>
      <c r="O43" s="8" t="s">
        <v>503</v>
      </c>
      <c r="P43" s="2" t="s">
        <v>534</v>
      </c>
      <c r="Q43" s="2" t="s">
        <v>538</v>
      </c>
      <c r="R43" s="7" t="s">
        <v>585</v>
      </c>
      <c r="S43" s="9">
        <v>41000</v>
      </c>
      <c r="T43" s="9">
        <v>41000</v>
      </c>
      <c r="U43" s="14">
        <v>35.388808500000003</v>
      </c>
      <c r="V43" s="14">
        <v>132.81835469999999</v>
      </c>
    </row>
    <row r="44" spans="1:22" ht="18.75" customHeight="1" x14ac:dyDescent="0.15">
      <c r="A44" s="2">
        <v>43</v>
      </c>
      <c r="B44" s="2" t="s">
        <v>16</v>
      </c>
      <c r="C44" s="2" t="s">
        <v>297</v>
      </c>
      <c r="D44" s="2"/>
      <c r="E44" s="2" t="s">
        <v>622</v>
      </c>
      <c r="F44" s="2" t="s">
        <v>298</v>
      </c>
      <c r="G44" s="2" t="s">
        <v>299</v>
      </c>
      <c r="H44" s="2" t="s">
        <v>300</v>
      </c>
      <c r="I44" s="2" t="s">
        <v>301</v>
      </c>
      <c r="J44" s="2" t="s">
        <v>302</v>
      </c>
      <c r="K44" s="2">
        <v>25</v>
      </c>
      <c r="L44" s="2">
        <v>25</v>
      </c>
      <c r="M44" s="7" t="s">
        <v>3</v>
      </c>
      <c r="N44" s="7" t="s">
        <v>3</v>
      </c>
      <c r="O44" s="7" t="s">
        <v>504</v>
      </c>
      <c r="P44" s="2" t="s">
        <v>532</v>
      </c>
      <c r="Q44" s="2" t="s">
        <v>545</v>
      </c>
      <c r="R44" s="7" t="s">
        <v>586</v>
      </c>
      <c r="S44" s="9">
        <v>41242</v>
      </c>
      <c r="T44" s="9">
        <v>41242</v>
      </c>
      <c r="U44" s="14">
        <v>35.375212300000001</v>
      </c>
      <c r="V44" s="14">
        <v>132.76964609999999</v>
      </c>
    </row>
    <row r="45" spans="1:22" ht="18.75" customHeight="1" x14ac:dyDescent="0.15">
      <c r="A45" s="2">
        <v>44</v>
      </c>
      <c r="B45" s="2" t="s">
        <v>16</v>
      </c>
      <c r="C45" s="2" t="s">
        <v>303</v>
      </c>
      <c r="D45" s="2"/>
      <c r="E45" s="2" t="s">
        <v>622</v>
      </c>
      <c r="F45" s="2" t="s">
        <v>304</v>
      </c>
      <c r="G45" s="2" t="s">
        <v>305</v>
      </c>
      <c r="H45" s="2" t="s">
        <v>306</v>
      </c>
      <c r="I45" s="2" t="s">
        <v>307</v>
      </c>
      <c r="J45" s="2" t="s">
        <v>308</v>
      </c>
      <c r="K45" s="2">
        <v>27</v>
      </c>
      <c r="L45" s="2">
        <v>27</v>
      </c>
      <c r="M45" s="7" t="s">
        <v>3</v>
      </c>
      <c r="N45" s="7" t="s">
        <v>3</v>
      </c>
      <c r="O45" s="8" t="s">
        <v>505</v>
      </c>
      <c r="P45" s="2" t="s">
        <v>532</v>
      </c>
      <c r="Q45" s="2" t="s">
        <v>538</v>
      </c>
      <c r="R45" s="7" t="s">
        <v>587</v>
      </c>
      <c r="S45" s="9">
        <v>41244</v>
      </c>
      <c r="T45" s="9">
        <v>41244</v>
      </c>
      <c r="U45" s="14">
        <v>35.382236300000002</v>
      </c>
      <c r="V45" s="14">
        <v>132.7632298</v>
      </c>
    </row>
    <row r="46" spans="1:22" ht="18.75" customHeight="1" x14ac:dyDescent="0.15">
      <c r="A46" s="2">
        <v>45</v>
      </c>
      <c r="B46" s="2" t="s">
        <v>16</v>
      </c>
      <c r="C46" s="2" t="s">
        <v>309</v>
      </c>
      <c r="D46" s="2"/>
      <c r="E46" s="2" t="s">
        <v>622</v>
      </c>
      <c r="F46" s="2" t="s">
        <v>310</v>
      </c>
      <c r="G46" s="2" t="s">
        <v>311</v>
      </c>
      <c r="H46" s="2" t="s">
        <v>312</v>
      </c>
      <c r="I46" s="2" t="s">
        <v>313</v>
      </c>
      <c r="J46" s="2" t="s">
        <v>314</v>
      </c>
      <c r="K46" s="2">
        <v>22</v>
      </c>
      <c r="L46" s="2">
        <v>22</v>
      </c>
      <c r="M46" s="7" t="s">
        <v>3</v>
      </c>
      <c r="N46" s="7" t="s">
        <v>3</v>
      </c>
      <c r="O46" s="8" t="s">
        <v>506</v>
      </c>
      <c r="P46" s="2" t="s">
        <v>532</v>
      </c>
      <c r="Q46" s="2" t="s">
        <v>543</v>
      </c>
      <c r="R46" s="7" t="s">
        <v>588</v>
      </c>
      <c r="S46" s="9">
        <v>41202</v>
      </c>
      <c r="T46" s="9">
        <v>41202</v>
      </c>
      <c r="U46" s="14">
        <v>35.358263899999997</v>
      </c>
      <c r="V46" s="14">
        <v>132.7539041</v>
      </c>
    </row>
    <row r="47" spans="1:22" ht="18.75" customHeight="1" x14ac:dyDescent="0.15">
      <c r="A47" s="2">
        <v>46</v>
      </c>
      <c r="B47" s="2" t="s">
        <v>16</v>
      </c>
      <c r="C47" s="2" t="s">
        <v>322</v>
      </c>
      <c r="D47" s="2"/>
      <c r="E47" s="2" t="s">
        <v>622</v>
      </c>
      <c r="F47" s="2" t="s">
        <v>324</v>
      </c>
      <c r="G47" s="2" t="s">
        <v>323</v>
      </c>
      <c r="H47" s="2" t="s">
        <v>400</v>
      </c>
      <c r="I47" s="2" t="s">
        <v>401</v>
      </c>
      <c r="J47" s="2" t="s">
        <v>325</v>
      </c>
      <c r="K47" s="2">
        <v>25</v>
      </c>
      <c r="L47" s="2">
        <v>25</v>
      </c>
      <c r="M47" s="7" t="s">
        <v>3</v>
      </c>
      <c r="N47" s="7" t="s">
        <v>3</v>
      </c>
      <c r="O47" s="8" t="s">
        <v>485</v>
      </c>
      <c r="P47" s="2" t="s">
        <v>532</v>
      </c>
      <c r="Q47" s="2" t="s">
        <v>537</v>
      </c>
      <c r="R47" s="7" t="s">
        <v>589</v>
      </c>
      <c r="S47" s="9">
        <v>41409</v>
      </c>
      <c r="T47" s="9">
        <v>41409</v>
      </c>
      <c r="U47" s="14">
        <v>35.435226100000001</v>
      </c>
      <c r="V47" s="14">
        <v>132.82957350000001</v>
      </c>
    </row>
    <row r="48" spans="1:22" ht="18.75" customHeight="1" x14ac:dyDescent="0.15">
      <c r="A48" s="2">
        <v>47</v>
      </c>
      <c r="B48" s="2" t="s">
        <v>16</v>
      </c>
      <c r="C48" s="2" t="s">
        <v>332</v>
      </c>
      <c r="D48" s="2"/>
      <c r="E48" s="2" t="s">
        <v>622</v>
      </c>
      <c r="F48" s="2" t="s">
        <v>333</v>
      </c>
      <c r="G48" s="2" t="s">
        <v>334</v>
      </c>
      <c r="H48" s="2" t="s">
        <v>337</v>
      </c>
      <c r="I48" s="2" t="s">
        <v>338</v>
      </c>
      <c r="J48" s="2" t="s">
        <v>335</v>
      </c>
      <c r="K48" s="2">
        <v>30</v>
      </c>
      <c r="L48" s="2">
        <v>30</v>
      </c>
      <c r="M48" s="7" t="s">
        <v>336</v>
      </c>
      <c r="N48" s="7" t="s">
        <v>5</v>
      </c>
      <c r="O48" s="8" t="s">
        <v>507</v>
      </c>
      <c r="P48" s="2" t="s">
        <v>532</v>
      </c>
      <c r="Q48" s="2" t="s">
        <v>538</v>
      </c>
      <c r="R48" s="7" t="s">
        <v>590</v>
      </c>
      <c r="S48" s="9">
        <v>41456</v>
      </c>
      <c r="T48" s="9">
        <v>41456</v>
      </c>
      <c r="U48" s="14">
        <v>35.429082200000003</v>
      </c>
      <c r="V48" s="14">
        <v>132.8301822</v>
      </c>
    </row>
    <row r="49" spans="1:22" ht="18.75" customHeight="1" x14ac:dyDescent="0.15">
      <c r="A49" s="2">
        <v>48</v>
      </c>
      <c r="B49" s="2" t="s">
        <v>16</v>
      </c>
      <c r="C49" s="2" t="s">
        <v>412</v>
      </c>
      <c r="D49" s="2"/>
      <c r="E49" s="2" t="s">
        <v>622</v>
      </c>
      <c r="F49" s="2" t="s">
        <v>123</v>
      </c>
      <c r="G49" s="2" t="s">
        <v>404</v>
      </c>
      <c r="H49" s="2" t="s">
        <v>84</v>
      </c>
      <c r="I49" s="2" t="s">
        <v>405</v>
      </c>
      <c r="J49" s="2" t="s">
        <v>199</v>
      </c>
      <c r="K49" s="2">
        <v>19</v>
      </c>
      <c r="L49" s="2">
        <v>19</v>
      </c>
      <c r="M49" s="7" t="s">
        <v>407</v>
      </c>
      <c r="N49" s="7" t="s">
        <v>3</v>
      </c>
      <c r="O49" s="8" t="s">
        <v>508</v>
      </c>
      <c r="P49" s="2" t="s">
        <v>532</v>
      </c>
      <c r="Q49" s="2" t="s">
        <v>538</v>
      </c>
      <c r="R49" s="7" t="s">
        <v>591</v>
      </c>
      <c r="S49" s="9">
        <v>42009</v>
      </c>
      <c r="T49" s="9">
        <v>42009</v>
      </c>
      <c r="U49" s="14">
        <v>35.3686151</v>
      </c>
      <c r="V49" s="14">
        <v>132.7451073</v>
      </c>
    </row>
    <row r="50" spans="1:22" ht="18.75" customHeight="1" x14ac:dyDescent="0.15">
      <c r="A50" s="2">
        <v>49</v>
      </c>
      <c r="B50" s="2" t="s">
        <v>154</v>
      </c>
      <c r="C50" s="2" t="s">
        <v>151</v>
      </c>
      <c r="D50" s="2"/>
      <c r="E50" s="2" t="s">
        <v>622</v>
      </c>
      <c r="F50" s="2" t="s">
        <v>159</v>
      </c>
      <c r="G50" s="2" t="s">
        <v>158</v>
      </c>
      <c r="H50" s="2" t="s">
        <v>406</v>
      </c>
      <c r="I50" s="2" t="s">
        <v>152</v>
      </c>
      <c r="J50" s="2" t="s">
        <v>153</v>
      </c>
      <c r="K50" s="2">
        <v>13</v>
      </c>
      <c r="L50" s="2">
        <v>13</v>
      </c>
      <c r="M50" s="7" t="s">
        <v>138</v>
      </c>
      <c r="N50" s="7" t="s">
        <v>138</v>
      </c>
      <c r="O50" s="8" t="s">
        <v>478</v>
      </c>
      <c r="P50" s="2" t="s">
        <v>532</v>
      </c>
      <c r="Q50" s="2" t="s">
        <v>538</v>
      </c>
      <c r="R50" s="7" t="s">
        <v>592</v>
      </c>
      <c r="S50" s="9">
        <v>39873</v>
      </c>
      <c r="T50" s="9">
        <v>39873</v>
      </c>
      <c r="U50" s="14">
        <v>35.3261562</v>
      </c>
      <c r="V50" s="14">
        <v>132.9934696</v>
      </c>
    </row>
    <row r="51" spans="1:22" ht="18.75" customHeight="1" x14ac:dyDescent="0.15">
      <c r="A51" s="2">
        <v>50</v>
      </c>
      <c r="B51" s="2" t="s">
        <v>154</v>
      </c>
      <c r="C51" s="2" t="s">
        <v>164</v>
      </c>
      <c r="D51" s="2"/>
      <c r="E51" s="2" t="s">
        <v>622</v>
      </c>
      <c r="F51" s="2" t="s">
        <v>165</v>
      </c>
      <c r="G51" s="2" t="s">
        <v>166</v>
      </c>
      <c r="H51" s="2" t="s">
        <v>167</v>
      </c>
      <c r="I51" s="2" t="s">
        <v>168</v>
      </c>
      <c r="J51" s="2" t="s">
        <v>169</v>
      </c>
      <c r="K51" s="2">
        <v>7</v>
      </c>
      <c r="L51" s="2">
        <v>7</v>
      </c>
      <c r="M51" s="7" t="s">
        <v>3</v>
      </c>
      <c r="N51" s="7" t="s">
        <v>5</v>
      </c>
      <c r="O51" s="8" t="s">
        <v>509</v>
      </c>
      <c r="P51" s="2" t="s">
        <v>532</v>
      </c>
      <c r="Q51" s="2" t="s">
        <v>538</v>
      </c>
      <c r="R51" s="7" t="s">
        <v>593</v>
      </c>
      <c r="S51" s="9">
        <v>39936</v>
      </c>
      <c r="T51" s="9">
        <v>39936</v>
      </c>
      <c r="U51" s="14">
        <v>35.080987</v>
      </c>
      <c r="V51" s="14">
        <v>132.7928196</v>
      </c>
    </row>
    <row r="52" spans="1:22" ht="18.75" customHeight="1" x14ac:dyDescent="0.15">
      <c r="A52" s="2">
        <v>51</v>
      </c>
      <c r="B52" s="2" t="s">
        <v>154</v>
      </c>
      <c r="C52" s="2" t="s">
        <v>194</v>
      </c>
      <c r="D52" s="2"/>
      <c r="E52" s="2" t="s">
        <v>622</v>
      </c>
      <c r="F52" s="2" t="s">
        <v>374</v>
      </c>
      <c r="G52" s="2" t="s">
        <v>248</v>
      </c>
      <c r="H52" s="2" t="s">
        <v>195</v>
      </c>
      <c r="I52" s="2" t="s">
        <v>196</v>
      </c>
      <c r="J52" s="2" t="s">
        <v>197</v>
      </c>
      <c r="K52" s="2">
        <v>3</v>
      </c>
      <c r="L52" s="2">
        <v>3</v>
      </c>
      <c r="M52" s="7" t="s">
        <v>3</v>
      </c>
      <c r="N52" s="7" t="s">
        <v>3</v>
      </c>
      <c r="O52" s="8" t="s">
        <v>510</v>
      </c>
      <c r="P52" s="2" t="s">
        <v>532</v>
      </c>
      <c r="Q52" s="2" t="s">
        <v>538</v>
      </c>
      <c r="R52" s="7" t="s">
        <v>594</v>
      </c>
      <c r="S52" s="9">
        <v>40269</v>
      </c>
      <c r="T52" s="9">
        <v>40269</v>
      </c>
      <c r="U52" s="14">
        <v>35.203812300000003</v>
      </c>
      <c r="V52" s="14">
        <v>132.9159683</v>
      </c>
    </row>
    <row r="53" spans="1:22" ht="18.75" customHeight="1" x14ac:dyDescent="0.15">
      <c r="A53" s="2">
        <v>52</v>
      </c>
      <c r="B53" s="2" t="s">
        <v>154</v>
      </c>
      <c r="C53" s="2" t="s">
        <v>291</v>
      </c>
      <c r="D53" s="7" t="s">
        <v>620</v>
      </c>
      <c r="E53" s="2"/>
      <c r="F53" s="2" t="s">
        <v>293</v>
      </c>
      <c r="G53" s="2" t="s">
        <v>292</v>
      </c>
      <c r="H53" s="2" t="s">
        <v>294</v>
      </c>
      <c r="I53" s="2" t="s">
        <v>295</v>
      </c>
      <c r="J53" s="2" t="s">
        <v>296</v>
      </c>
      <c r="K53" s="2">
        <v>10</v>
      </c>
      <c r="L53" s="2">
        <v>10</v>
      </c>
      <c r="M53" s="7" t="s">
        <v>3</v>
      </c>
      <c r="N53" s="7" t="s">
        <v>20</v>
      </c>
      <c r="O53" s="8" t="s">
        <v>511</v>
      </c>
      <c r="P53" s="2" t="s">
        <v>532</v>
      </c>
      <c r="Q53" s="2" t="s">
        <v>538</v>
      </c>
      <c r="R53" s="7" t="s">
        <v>595</v>
      </c>
      <c r="S53" s="9">
        <v>41214</v>
      </c>
      <c r="T53" s="9">
        <v>41214</v>
      </c>
      <c r="U53" s="14">
        <v>35.176383600000001</v>
      </c>
      <c r="V53" s="14">
        <v>133.0941775</v>
      </c>
    </row>
    <row r="54" spans="1:22" ht="18.75" customHeight="1" x14ac:dyDescent="0.15">
      <c r="A54" s="2">
        <v>53</v>
      </c>
      <c r="B54" s="2" t="s">
        <v>154</v>
      </c>
      <c r="C54" s="2" t="s">
        <v>316</v>
      </c>
      <c r="D54" s="2"/>
      <c r="E54" s="2" t="s">
        <v>622</v>
      </c>
      <c r="F54" s="2" t="s">
        <v>317</v>
      </c>
      <c r="G54" s="2" t="s">
        <v>318</v>
      </c>
      <c r="H54" s="2" t="s">
        <v>319</v>
      </c>
      <c r="I54" s="2" t="s">
        <v>320</v>
      </c>
      <c r="J54" s="2" t="s">
        <v>421</v>
      </c>
      <c r="K54" s="2">
        <v>5</v>
      </c>
      <c r="L54" s="2">
        <v>5</v>
      </c>
      <c r="M54" s="7" t="s">
        <v>3</v>
      </c>
      <c r="N54" s="7" t="s">
        <v>3</v>
      </c>
      <c r="O54" s="8" t="s">
        <v>512</v>
      </c>
      <c r="P54" s="2" t="s">
        <v>532</v>
      </c>
      <c r="Q54" s="2" t="s">
        <v>538</v>
      </c>
      <c r="R54" s="7" t="s">
        <v>596</v>
      </c>
      <c r="S54" s="9">
        <v>41401</v>
      </c>
      <c r="T54" s="9">
        <v>41401</v>
      </c>
      <c r="U54" s="14">
        <v>35.311916799999999</v>
      </c>
      <c r="V54" s="14">
        <v>132.9084096</v>
      </c>
    </row>
    <row r="55" spans="1:22" ht="18.75" customHeight="1" x14ac:dyDescent="0.15">
      <c r="A55" s="2">
        <v>54</v>
      </c>
      <c r="B55" s="2" t="s">
        <v>154</v>
      </c>
      <c r="C55" s="2" t="s">
        <v>326</v>
      </c>
      <c r="D55" s="2"/>
      <c r="E55" s="2" t="s">
        <v>622</v>
      </c>
      <c r="F55" s="2" t="s">
        <v>327</v>
      </c>
      <c r="G55" s="2" t="s">
        <v>403</v>
      </c>
      <c r="H55" s="2" t="s">
        <v>329</v>
      </c>
      <c r="I55" s="2" t="s">
        <v>330</v>
      </c>
      <c r="J55" s="2" t="s">
        <v>328</v>
      </c>
      <c r="K55" s="2">
        <v>7</v>
      </c>
      <c r="L55" s="2">
        <v>7</v>
      </c>
      <c r="M55" s="7" t="s">
        <v>3</v>
      </c>
      <c r="N55" s="7" t="s">
        <v>331</v>
      </c>
      <c r="O55" s="8" t="s">
        <v>513</v>
      </c>
      <c r="P55" s="2" t="s">
        <v>532</v>
      </c>
      <c r="Q55" s="2" t="s">
        <v>538</v>
      </c>
      <c r="R55" s="7" t="s">
        <v>597</v>
      </c>
      <c r="S55" s="9">
        <v>41426</v>
      </c>
      <c r="T55" s="9">
        <v>41426</v>
      </c>
      <c r="U55" s="14">
        <v>35.177286299999999</v>
      </c>
      <c r="V55" s="14">
        <v>133.08871959999999</v>
      </c>
    </row>
    <row r="56" spans="1:22" ht="18.75" customHeight="1" x14ac:dyDescent="0.15">
      <c r="A56" s="2">
        <v>55</v>
      </c>
      <c r="B56" s="2" t="s">
        <v>154</v>
      </c>
      <c r="C56" s="2" t="s">
        <v>415</v>
      </c>
      <c r="D56" s="2"/>
      <c r="E56" s="2" t="s">
        <v>622</v>
      </c>
      <c r="F56" s="2" t="s">
        <v>416</v>
      </c>
      <c r="G56" s="2" t="s">
        <v>417</v>
      </c>
      <c r="H56" s="2" t="s">
        <v>418</v>
      </c>
      <c r="I56" s="2" t="s">
        <v>419</v>
      </c>
      <c r="J56" s="2" t="s">
        <v>420</v>
      </c>
      <c r="K56" s="2">
        <v>21</v>
      </c>
      <c r="L56" s="2">
        <v>23</v>
      </c>
      <c r="M56" s="7" t="s">
        <v>3</v>
      </c>
      <c r="N56" s="7" t="s">
        <v>336</v>
      </c>
      <c r="O56" s="8" t="s">
        <v>488</v>
      </c>
      <c r="P56" s="2" t="s">
        <v>532</v>
      </c>
      <c r="Q56" s="2" t="s">
        <v>535</v>
      </c>
      <c r="R56" s="7" t="s">
        <v>598</v>
      </c>
      <c r="S56" s="9">
        <v>42125</v>
      </c>
      <c r="T56" s="9">
        <v>42125</v>
      </c>
      <c r="U56" s="14">
        <v>35.302098700000002</v>
      </c>
      <c r="V56" s="14">
        <v>132.8918506</v>
      </c>
    </row>
    <row r="57" spans="1:22" ht="18.75" customHeight="1" x14ac:dyDescent="0.15">
      <c r="A57" s="2">
        <v>56</v>
      </c>
      <c r="B57" s="2" t="s">
        <v>139</v>
      </c>
      <c r="C57" s="2" t="s">
        <v>141</v>
      </c>
      <c r="D57" s="2"/>
      <c r="E57" s="2" t="s">
        <v>622</v>
      </c>
      <c r="F57" s="2" t="s">
        <v>142</v>
      </c>
      <c r="G57" s="2" t="s">
        <v>143</v>
      </c>
      <c r="H57" s="2" t="s">
        <v>144</v>
      </c>
      <c r="I57" s="2" t="s">
        <v>150</v>
      </c>
      <c r="J57" s="2" t="s">
        <v>219</v>
      </c>
      <c r="K57" s="2">
        <v>46</v>
      </c>
      <c r="L57" s="2">
        <v>47</v>
      </c>
      <c r="M57" s="2" t="s">
        <v>3</v>
      </c>
      <c r="N57" s="2" t="s">
        <v>275</v>
      </c>
      <c r="O57" s="13" t="s">
        <v>514</v>
      </c>
      <c r="P57" s="2" t="s">
        <v>532</v>
      </c>
      <c r="Q57" s="2" t="s">
        <v>538</v>
      </c>
      <c r="R57" s="2" t="s">
        <v>599</v>
      </c>
      <c r="S57" s="10">
        <v>39753</v>
      </c>
      <c r="T57" s="10">
        <v>39753</v>
      </c>
      <c r="U57" s="14">
        <v>35.189526100000002</v>
      </c>
      <c r="V57" s="14">
        <v>132.50094300000001</v>
      </c>
    </row>
    <row r="58" spans="1:22" ht="18.75" customHeight="1" x14ac:dyDescent="0.15">
      <c r="A58" s="2">
        <v>57</v>
      </c>
      <c r="B58" s="2" t="s">
        <v>139</v>
      </c>
      <c r="C58" s="2" t="s">
        <v>171</v>
      </c>
      <c r="D58" s="2"/>
      <c r="E58" s="2" t="s">
        <v>622</v>
      </c>
      <c r="F58" s="2" t="s">
        <v>172</v>
      </c>
      <c r="G58" s="2" t="s">
        <v>173</v>
      </c>
      <c r="H58" s="2" t="s">
        <v>174</v>
      </c>
      <c r="I58" s="2" t="s">
        <v>175</v>
      </c>
      <c r="J58" s="2" t="s">
        <v>176</v>
      </c>
      <c r="K58" s="2">
        <v>9</v>
      </c>
      <c r="L58" s="2">
        <v>9</v>
      </c>
      <c r="M58" s="7" t="s">
        <v>3</v>
      </c>
      <c r="N58" s="7" t="s">
        <v>20</v>
      </c>
      <c r="O58" s="8" t="s">
        <v>515</v>
      </c>
      <c r="P58" s="2" t="s">
        <v>532</v>
      </c>
      <c r="Q58" s="2" t="s">
        <v>538</v>
      </c>
      <c r="R58" s="7" t="s">
        <v>600</v>
      </c>
      <c r="S58" s="9">
        <v>40066</v>
      </c>
      <c r="T58" s="9">
        <v>40066</v>
      </c>
      <c r="U58" s="14">
        <v>35.175508100000002</v>
      </c>
      <c r="V58" s="14">
        <v>132.4875998</v>
      </c>
    </row>
    <row r="59" spans="1:22" ht="18.75" customHeight="1" x14ac:dyDescent="0.15">
      <c r="A59" s="2">
        <v>58</v>
      </c>
      <c r="B59" s="2" t="s">
        <v>24</v>
      </c>
      <c r="C59" s="2" t="s">
        <v>25</v>
      </c>
      <c r="D59" s="7" t="s">
        <v>620</v>
      </c>
      <c r="E59" s="2"/>
      <c r="F59" s="2" t="s">
        <v>124</v>
      </c>
      <c r="G59" s="2" t="s">
        <v>27</v>
      </c>
      <c r="H59" s="2" t="s">
        <v>85</v>
      </c>
      <c r="I59" s="2" t="s">
        <v>87</v>
      </c>
      <c r="J59" s="2" t="s">
        <v>86</v>
      </c>
      <c r="K59" s="2">
        <v>26</v>
      </c>
      <c r="L59" s="2">
        <v>50</v>
      </c>
      <c r="M59" s="7" t="s">
        <v>26</v>
      </c>
      <c r="N59" s="7" t="s">
        <v>3</v>
      </c>
      <c r="O59" s="8" t="s">
        <v>516</v>
      </c>
      <c r="P59" s="2" t="s">
        <v>534</v>
      </c>
      <c r="Q59" s="2" t="s">
        <v>540</v>
      </c>
      <c r="R59" s="7" t="s">
        <v>601</v>
      </c>
      <c r="S59" s="9">
        <v>37217</v>
      </c>
      <c r="T59" s="9">
        <v>38808</v>
      </c>
      <c r="U59" s="14">
        <v>34.841197800000003</v>
      </c>
      <c r="V59" s="14">
        <v>132.50505250000001</v>
      </c>
    </row>
    <row r="60" spans="1:22" ht="18.75" customHeight="1" x14ac:dyDescent="0.15">
      <c r="A60" s="2">
        <v>59</v>
      </c>
      <c r="B60" s="2" t="s">
        <v>28</v>
      </c>
      <c r="C60" s="2" t="s">
        <v>29</v>
      </c>
      <c r="D60" s="7" t="s">
        <v>620</v>
      </c>
      <c r="E60" s="2"/>
      <c r="F60" s="2" t="s">
        <v>125</v>
      </c>
      <c r="G60" s="2" t="s">
        <v>30</v>
      </c>
      <c r="H60" s="2" t="s">
        <v>88</v>
      </c>
      <c r="I60" s="2" t="s">
        <v>89</v>
      </c>
      <c r="J60" s="2" t="s">
        <v>57</v>
      </c>
      <c r="K60" s="2">
        <v>30</v>
      </c>
      <c r="L60" s="2">
        <v>30</v>
      </c>
      <c r="M60" s="7" t="s">
        <v>3</v>
      </c>
      <c r="N60" s="7" t="s">
        <v>3</v>
      </c>
      <c r="O60" s="8" t="s">
        <v>517</v>
      </c>
      <c r="P60" s="2" t="s">
        <v>534</v>
      </c>
      <c r="Q60" s="2" t="s">
        <v>540</v>
      </c>
      <c r="R60" s="7" t="s">
        <v>602</v>
      </c>
      <c r="S60" s="9">
        <v>38231</v>
      </c>
      <c r="T60" s="9">
        <v>38808</v>
      </c>
      <c r="U60" s="14">
        <v>34.945692000000001</v>
      </c>
      <c r="V60" s="14">
        <v>132.32637489999999</v>
      </c>
    </row>
    <row r="61" spans="1:22" ht="18.75" customHeight="1" x14ac:dyDescent="0.15">
      <c r="A61" s="2">
        <v>60</v>
      </c>
      <c r="B61" s="2" t="s">
        <v>28</v>
      </c>
      <c r="C61" s="2" t="s">
        <v>31</v>
      </c>
      <c r="D61" s="2"/>
      <c r="E61" s="2" t="s">
        <v>622</v>
      </c>
      <c r="F61" s="2" t="s">
        <v>126</v>
      </c>
      <c r="G61" s="2" t="s">
        <v>32</v>
      </c>
      <c r="H61" s="2" t="s">
        <v>90</v>
      </c>
      <c r="I61" s="2" t="s">
        <v>91</v>
      </c>
      <c r="J61" s="2" t="s">
        <v>53</v>
      </c>
      <c r="K61" s="2">
        <v>55</v>
      </c>
      <c r="L61" s="2">
        <v>63</v>
      </c>
      <c r="M61" s="7" t="s">
        <v>3</v>
      </c>
      <c r="N61" s="7" t="s">
        <v>369</v>
      </c>
      <c r="O61" s="7" t="s">
        <v>518</v>
      </c>
      <c r="P61" s="2" t="s">
        <v>534</v>
      </c>
      <c r="Q61" s="2" t="s">
        <v>538</v>
      </c>
      <c r="R61" s="7" t="s">
        <v>603</v>
      </c>
      <c r="S61" s="9">
        <v>38445</v>
      </c>
      <c r="T61" s="9">
        <v>38808</v>
      </c>
      <c r="U61" s="14">
        <v>34.9450328</v>
      </c>
      <c r="V61" s="14">
        <v>132.19841690000001</v>
      </c>
    </row>
    <row r="62" spans="1:22" ht="18.75" customHeight="1" x14ac:dyDescent="0.15">
      <c r="A62" s="2">
        <v>61</v>
      </c>
      <c r="B62" s="2" t="s">
        <v>28</v>
      </c>
      <c r="C62" s="2" t="s">
        <v>33</v>
      </c>
      <c r="D62" s="2"/>
      <c r="E62" s="2" t="s">
        <v>622</v>
      </c>
      <c r="F62" s="2" t="s">
        <v>127</v>
      </c>
      <c r="G62" s="2" t="s">
        <v>34</v>
      </c>
      <c r="H62" s="2" t="s">
        <v>92</v>
      </c>
      <c r="I62" s="2" t="s">
        <v>93</v>
      </c>
      <c r="J62" s="2" t="s">
        <v>52</v>
      </c>
      <c r="K62" s="2">
        <v>12</v>
      </c>
      <c r="L62" s="2">
        <v>12</v>
      </c>
      <c r="M62" s="7" t="s">
        <v>3</v>
      </c>
      <c r="N62" s="7" t="s">
        <v>3</v>
      </c>
      <c r="O62" s="7" t="s">
        <v>519</v>
      </c>
      <c r="P62" s="2" t="s">
        <v>532</v>
      </c>
      <c r="Q62" s="2" t="s">
        <v>538</v>
      </c>
      <c r="R62" s="7" t="s">
        <v>604</v>
      </c>
      <c r="S62" s="9">
        <v>39022</v>
      </c>
      <c r="T62" s="9">
        <v>39022</v>
      </c>
      <c r="U62" s="14">
        <v>34.856575399999997</v>
      </c>
      <c r="V62" s="14">
        <v>132.01955280000001</v>
      </c>
    </row>
    <row r="63" spans="1:22" ht="18.75" customHeight="1" x14ac:dyDescent="0.15">
      <c r="A63" s="2">
        <v>62</v>
      </c>
      <c r="B63" s="2" t="s">
        <v>28</v>
      </c>
      <c r="C63" s="2" t="s">
        <v>46</v>
      </c>
      <c r="D63" s="2"/>
      <c r="E63" s="2" t="s">
        <v>622</v>
      </c>
      <c r="F63" s="2" t="s">
        <v>128</v>
      </c>
      <c r="G63" s="2" t="s">
        <v>47</v>
      </c>
      <c r="H63" s="2" t="s">
        <v>94</v>
      </c>
      <c r="I63" s="2" t="s">
        <v>95</v>
      </c>
      <c r="J63" s="2" t="s">
        <v>198</v>
      </c>
      <c r="K63" s="2">
        <v>13</v>
      </c>
      <c r="L63" s="2">
        <v>13</v>
      </c>
      <c r="M63" s="7" t="s">
        <v>3</v>
      </c>
      <c r="N63" s="7" t="s">
        <v>3</v>
      </c>
      <c r="O63" s="8" t="s">
        <v>520</v>
      </c>
      <c r="P63" s="2" t="s">
        <v>532</v>
      </c>
      <c r="Q63" s="2" t="s">
        <v>544</v>
      </c>
      <c r="R63" s="7" t="s">
        <v>605</v>
      </c>
      <c r="S63" s="9">
        <v>39387</v>
      </c>
      <c r="T63" s="9">
        <v>39387</v>
      </c>
      <c r="U63" s="14">
        <v>34.8959586</v>
      </c>
      <c r="V63" s="14">
        <v>132.09410149999999</v>
      </c>
    </row>
    <row r="64" spans="1:22" ht="18.75" customHeight="1" x14ac:dyDescent="0.15">
      <c r="A64" s="2">
        <v>63</v>
      </c>
      <c r="B64" s="2" t="s">
        <v>28</v>
      </c>
      <c r="C64" s="2" t="s">
        <v>96</v>
      </c>
      <c r="D64" s="2"/>
      <c r="E64" s="2" t="s">
        <v>622</v>
      </c>
      <c r="F64" s="2" t="s">
        <v>97</v>
      </c>
      <c r="G64" s="2" t="s">
        <v>100</v>
      </c>
      <c r="H64" s="2" t="s">
        <v>98</v>
      </c>
      <c r="I64" s="2" t="s">
        <v>101</v>
      </c>
      <c r="J64" s="2" t="s">
        <v>99</v>
      </c>
      <c r="K64" s="2">
        <v>6</v>
      </c>
      <c r="L64" s="2">
        <v>6</v>
      </c>
      <c r="M64" s="7" t="s">
        <v>3</v>
      </c>
      <c r="N64" s="7" t="s">
        <v>3</v>
      </c>
      <c r="O64" s="12" t="s">
        <v>521</v>
      </c>
      <c r="P64" s="2" t="s">
        <v>532</v>
      </c>
      <c r="Q64" s="2" t="s">
        <v>538</v>
      </c>
      <c r="R64" s="7" t="s">
        <v>606</v>
      </c>
      <c r="S64" s="9">
        <v>39173</v>
      </c>
      <c r="T64" s="9">
        <v>39173</v>
      </c>
      <c r="U64" s="14">
        <v>34.766368</v>
      </c>
      <c r="V64" s="14">
        <v>132.071562</v>
      </c>
    </row>
    <row r="65" spans="1:22" ht="18.75" customHeight="1" x14ac:dyDescent="0.15">
      <c r="A65" s="2">
        <v>64</v>
      </c>
      <c r="B65" s="2" t="s">
        <v>28</v>
      </c>
      <c r="C65" s="2" t="s">
        <v>102</v>
      </c>
      <c r="D65" s="2"/>
      <c r="E65" s="2" t="s">
        <v>622</v>
      </c>
      <c r="F65" s="2" t="s">
        <v>103</v>
      </c>
      <c r="G65" s="2" t="s">
        <v>104</v>
      </c>
      <c r="H65" s="2" t="s">
        <v>445</v>
      </c>
      <c r="I65" s="2" t="s">
        <v>402</v>
      </c>
      <c r="J65" s="2" t="s">
        <v>99</v>
      </c>
      <c r="K65" s="2">
        <v>6</v>
      </c>
      <c r="L65" s="2">
        <v>6</v>
      </c>
      <c r="M65" s="7" t="s">
        <v>3</v>
      </c>
      <c r="N65" s="7" t="s">
        <v>3</v>
      </c>
      <c r="O65" s="12" t="s">
        <v>522</v>
      </c>
      <c r="P65" s="2" t="s">
        <v>532</v>
      </c>
      <c r="Q65" s="2" t="s">
        <v>538</v>
      </c>
      <c r="R65" s="7" t="s">
        <v>607</v>
      </c>
      <c r="S65" s="9">
        <v>37712</v>
      </c>
      <c r="T65" s="9">
        <v>38808</v>
      </c>
      <c r="U65" s="14">
        <v>34.865075099999999</v>
      </c>
      <c r="V65" s="14">
        <v>132.30437900000001</v>
      </c>
    </row>
    <row r="66" spans="1:22" ht="18.75" customHeight="1" x14ac:dyDescent="0.15">
      <c r="A66" s="2">
        <v>65</v>
      </c>
      <c r="B66" s="2" t="s">
        <v>28</v>
      </c>
      <c r="C66" s="2" t="s">
        <v>245</v>
      </c>
      <c r="D66" s="2"/>
      <c r="E66" s="2" t="s">
        <v>622</v>
      </c>
      <c r="F66" s="2" t="s">
        <v>145</v>
      </c>
      <c r="G66" s="2" t="s">
        <v>146</v>
      </c>
      <c r="H66" s="2" t="s">
        <v>147</v>
      </c>
      <c r="I66" s="2" t="s">
        <v>149</v>
      </c>
      <c r="J66" s="2" t="s">
        <v>148</v>
      </c>
      <c r="K66" s="2">
        <v>4</v>
      </c>
      <c r="L66" s="2">
        <v>5</v>
      </c>
      <c r="M66" s="7" t="s">
        <v>3</v>
      </c>
      <c r="N66" s="7" t="s">
        <v>3</v>
      </c>
      <c r="O66" s="12" t="s">
        <v>523</v>
      </c>
      <c r="P66" s="2" t="s">
        <v>532</v>
      </c>
      <c r="Q66" s="2" t="s">
        <v>538</v>
      </c>
      <c r="R66" s="7" t="s">
        <v>608</v>
      </c>
      <c r="S66" s="9">
        <v>39753</v>
      </c>
      <c r="T66" s="9">
        <v>39753</v>
      </c>
      <c r="U66" s="14">
        <v>34.802729200000002</v>
      </c>
      <c r="V66" s="14">
        <v>131.963402</v>
      </c>
    </row>
    <row r="67" spans="1:22" ht="18.75" customHeight="1" x14ac:dyDescent="0.15">
      <c r="A67" s="2">
        <v>66</v>
      </c>
      <c r="B67" s="2" t="s">
        <v>28</v>
      </c>
      <c r="C67" s="2" t="s">
        <v>224</v>
      </c>
      <c r="D67" s="2"/>
      <c r="E67" s="2" t="s">
        <v>622</v>
      </c>
      <c r="F67" s="2" t="s">
        <v>225</v>
      </c>
      <c r="G67" s="2" t="s">
        <v>226</v>
      </c>
      <c r="H67" s="2" t="s">
        <v>227</v>
      </c>
      <c r="I67" s="2" t="s">
        <v>346</v>
      </c>
      <c r="J67" s="2" t="s">
        <v>228</v>
      </c>
      <c r="K67" s="2">
        <v>9</v>
      </c>
      <c r="L67" s="2">
        <v>9</v>
      </c>
      <c r="M67" s="7" t="s">
        <v>3</v>
      </c>
      <c r="N67" s="7" t="s">
        <v>5</v>
      </c>
      <c r="O67" s="12" t="s">
        <v>524</v>
      </c>
      <c r="P67" s="2" t="s">
        <v>532</v>
      </c>
      <c r="Q67" s="2" t="s">
        <v>538</v>
      </c>
      <c r="R67" s="7" t="s">
        <v>609</v>
      </c>
      <c r="S67" s="9">
        <v>40634</v>
      </c>
      <c r="T67" s="9">
        <v>40634</v>
      </c>
      <c r="U67" s="14">
        <v>34.9022741</v>
      </c>
      <c r="V67" s="14">
        <v>132.06929249999999</v>
      </c>
    </row>
    <row r="68" spans="1:22" ht="18.75" customHeight="1" x14ac:dyDescent="0.15">
      <c r="A68" s="2">
        <v>67</v>
      </c>
      <c r="B68" s="2" t="s">
        <v>28</v>
      </c>
      <c r="C68" s="2" t="s">
        <v>229</v>
      </c>
      <c r="D68" s="7" t="s">
        <v>620</v>
      </c>
      <c r="E68" s="2" t="s">
        <v>622</v>
      </c>
      <c r="F68" s="2" t="s">
        <v>230</v>
      </c>
      <c r="G68" s="2" t="s">
        <v>231</v>
      </c>
      <c r="H68" s="2" t="s">
        <v>232</v>
      </c>
      <c r="I68" s="2" t="s">
        <v>233</v>
      </c>
      <c r="J68" s="2" t="s">
        <v>218</v>
      </c>
      <c r="K68" s="2">
        <v>50</v>
      </c>
      <c r="L68" s="2">
        <v>50</v>
      </c>
      <c r="M68" s="7" t="s">
        <v>3</v>
      </c>
      <c r="N68" s="7" t="s">
        <v>234</v>
      </c>
      <c r="O68" s="8" t="s">
        <v>525</v>
      </c>
      <c r="P68" s="2" t="s">
        <v>534</v>
      </c>
      <c r="Q68" s="2" t="s">
        <v>535</v>
      </c>
      <c r="R68" s="7" t="s">
        <v>610</v>
      </c>
      <c r="S68" s="9">
        <v>40725</v>
      </c>
      <c r="T68" s="9">
        <v>40725</v>
      </c>
      <c r="U68" s="14">
        <v>34.954603400000003</v>
      </c>
      <c r="V68" s="14">
        <v>132.1346743</v>
      </c>
    </row>
    <row r="69" spans="1:22" ht="18.75" customHeight="1" x14ac:dyDescent="0.15">
      <c r="A69" s="2">
        <v>68</v>
      </c>
      <c r="B69" s="2" t="s">
        <v>28</v>
      </c>
      <c r="C69" s="2" t="s">
        <v>235</v>
      </c>
      <c r="D69" s="2"/>
      <c r="E69" s="2" t="s">
        <v>622</v>
      </c>
      <c r="F69" s="2" t="s">
        <v>236</v>
      </c>
      <c r="G69" s="2" t="s">
        <v>237</v>
      </c>
      <c r="H69" s="2" t="s">
        <v>246</v>
      </c>
      <c r="I69" s="2" t="s">
        <v>247</v>
      </c>
      <c r="J69" s="2" t="s">
        <v>238</v>
      </c>
      <c r="K69" s="2">
        <v>7</v>
      </c>
      <c r="L69" s="2">
        <v>7</v>
      </c>
      <c r="M69" s="7" t="s">
        <v>3</v>
      </c>
      <c r="N69" s="7" t="s">
        <v>3</v>
      </c>
      <c r="O69" s="12" t="s">
        <v>526</v>
      </c>
      <c r="P69" s="2" t="s">
        <v>534</v>
      </c>
      <c r="Q69" s="2" t="s">
        <v>538</v>
      </c>
      <c r="R69" s="7" t="s">
        <v>611</v>
      </c>
      <c r="S69" s="9">
        <v>40727</v>
      </c>
      <c r="T69" s="9">
        <v>40727</v>
      </c>
      <c r="U69" s="14">
        <v>34.882680299999997</v>
      </c>
      <c r="V69" s="14">
        <v>132.1991683</v>
      </c>
    </row>
    <row r="70" spans="1:22" ht="18.75" customHeight="1" x14ac:dyDescent="0.15">
      <c r="A70" s="2">
        <v>69</v>
      </c>
      <c r="B70" s="2" t="s">
        <v>28</v>
      </c>
      <c r="C70" s="2" t="s">
        <v>249</v>
      </c>
      <c r="D70" s="2"/>
      <c r="E70" s="2" t="s">
        <v>622</v>
      </c>
      <c r="F70" s="2" t="s">
        <v>250</v>
      </c>
      <c r="G70" s="2" t="s">
        <v>251</v>
      </c>
      <c r="H70" s="2" t="s">
        <v>253</v>
      </c>
      <c r="I70" s="2" t="s">
        <v>254</v>
      </c>
      <c r="J70" s="2" t="s">
        <v>252</v>
      </c>
      <c r="K70" s="2">
        <v>14</v>
      </c>
      <c r="L70" s="2">
        <v>16</v>
      </c>
      <c r="M70" s="7" t="s">
        <v>336</v>
      </c>
      <c r="N70" s="7" t="s">
        <v>5</v>
      </c>
      <c r="O70" s="12" t="s">
        <v>527</v>
      </c>
      <c r="P70" s="2" t="s">
        <v>534</v>
      </c>
      <c r="Q70" s="2" t="s">
        <v>540</v>
      </c>
      <c r="R70" s="7" t="s">
        <v>612</v>
      </c>
      <c r="S70" s="9">
        <v>40878</v>
      </c>
      <c r="T70" s="9">
        <v>40878</v>
      </c>
      <c r="U70" s="14">
        <v>34.879275</v>
      </c>
      <c r="V70" s="14">
        <v>132.1879668</v>
      </c>
    </row>
    <row r="71" spans="1:22" ht="18.75" customHeight="1" x14ac:dyDescent="0.15">
      <c r="A71" s="2">
        <v>70</v>
      </c>
      <c r="B71" s="2" t="s">
        <v>28</v>
      </c>
      <c r="C71" s="2" t="s">
        <v>290</v>
      </c>
      <c r="D71" s="7" t="s">
        <v>620</v>
      </c>
      <c r="E71" s="2"/>
      <c r="F71" s="2" t="s">
        <v>236</v>
      </c>
      <c r="G71" s="2" t="s">
        <v>237</v>
      </c>
      <c r="H71" s="2" t="s">
        <v>246</v>
      </c>
      <c r="I71" s="2" t="s">
        <v>247</v>
      </c>
      <c r="J71" s="2" t="s">
        <v>238</v>
      </c>
      <c r="K71" s="2">
        <v>40</v>
      </c>
      <c r="L71" s="2">
        <v>40</v>
      </c>
      <c r="M71" s="7" t="s">
        <v>3</v>
      </c>
      <c r="N71" s="7" t="s">
        <v>3</v>
      </c>
      <c r="O71" s="12" t="s">
        <v>528</v>
      </c>
      <c r="P71" s="2" t="s">
        <v>534</v>
      </c>
      <c r="Q71" s="2" t="s">
        <v>538</v>
      </c>
      <c r="R71" s="7" t="s">
        <v>611</v>
      </c>
      <c r="S71" s="9">
        <v>41183</v>
      </c>
      <c r="T71" s="9">
        <v>41183</v>
      </c>
      <c r="U71" s="14">
        <v>34.882680299999997</v>
      </c>
      <c r="V71" s="14">
        <v>132.1991683</v>
      </c>
    </row>
    <row r="72" spans="1:22" ht="18.75" customHeight="1" x14ac:dyDescent="0.15">
      <c r="A72" s="2">
        <v>71</v>
      </c>
      <c r="B72" s="2" t="s">
        <v>35</v>
      </c>
      <c r="C72" s="2" t="s">
        <v>105</v>
      </c>
      <c r="D72" s="7" t="s">
        <v>620</v>
      </c>
      <c r="E72" s="2"/>
      <c r="F72" s="2" t="s">
        <v>129</v>
      </c>
      <c r="G72" s="2" t="s">
        <v>36</v>
      </c>
      <c r="H72" s="2" t="s">
        <v>106</v>
      </c>
      <c r="I72" s="2" t="s">
        <v>107</v>
      </c>
      <c r="J72" s="2" t="s">
        <v>58</v>
      </c>
      <c r="K72" s="2">
        <v>26</v>
      </c>
      <c r="L72" s="2">
        <v>26</v>
      </c>
      <c r="M72" s="7" t="s">
        <v>3</v>
      </c>
      <c r="N72" s="7" t="s">
        <v>3</v>
      </c>
      <c r="O72" s="8" t="s">
        <v>529</v>
      </c>
      <c r="P72" s="2" t="s">
        <v>534</v>
      </c>
      <c r="Q72" s="2" t="s">
        <v>540</v>
      </c>
      <c r="R72" s="7" t="s">
        <v>613</v>
      </c>
      <c r="S72" s="9">
        <v>38108</v>
      </c>
      <c r="T72" s="9">
        <v>38808</v>
      </c>
      <c r="U72" s="14">
        <v>34.721846499999998</v>
      </c>
      <c r="V72" s="14">
        <v>131.86729539999999</v>
      </c>
    </row>
    <row r="73" spans="1:22" ht="18.75" customHeight="1" x14ac:dyDescent="0.15">
      <c r="A73" s="2">
        <v>72</v>
      </c>
      <c r="B73" s="2" t="s">
        <v>35</v>
      </c>
      <c r="C73" s="2" t="s">
        <v>108</v>
      </c>
      <c r="D73" s="7" t="s">
        <v>620</v>
      </c>
      <c r="E73" s="2"/>
      <c r="F73" s="2" t="s">
        <v>130</v>
      </c>
      <c r="G73" s="2" t="s">
        <v>110</v>
      </c>
      <c r="H73" s="2" t="s">
        <v>109</v>
      </c>
      <c r="I73" s="2" t="s">
        <v>111</v>
      </c>
      <c r="J73" s="2" t="s">
        <v>58</v>
      </c>
      <c r="K73" s="2">
        <v>20</v>
      </c>
      <c r="L73" s="2">
        <v>20</v>
      </c>
      <c r="M73" s="7" t="s">
        <v>3</v>
      </c>
      <c r="N73" s="7" t="s">
        <v>3</v>
      </c>
      <c r="O73" s="8" t="s">
        <v>529</v>
      </c>
      <c r="P73" s="2" t="s">
        <v>534</v>
      </c>
      <c r="Q73" s="2" t="s">
        <v>540</v>
      </c>
      <c r="R73" s="7" t="s">
        <v>614</v>
      </c>
      <c r="S73" s="9">
        <v>39508</v>
      </c>
      <c r="T73" s="9">
        <v>39508</v>
      </c>
      <c r="U73" s="14">
        <v>34.721577000000003</v>
      </c>
      <c r="V73" s="14">
        <v>131.86649550000001</v>
      </c>
    </row>
    <row r="74" spans="1:22" ht="18.75" customHeight="1" x14ac:dyDescent="0.15">
      <c r="A74" s="2">
        <v>73</v>
      </c>
      <c r="B74" s="2" t="s">
        <v>35</v>
      </c>
      <c r="C74" s="2" t="s">
        <v>315</v>
      </c>
      <c r="D74" s="2"/>
      <c r="E74" s="2" t="s">
        <v>622</v>
      </c>
      <c r="F74" s="2" t="s">
        <v>131</v>
      </c>
      <c r="G74" s="2" t="s">
        <v>38</v>
      </c>
      <c r="H74" s="2" t="s">
        <v>37</v>
      </c>
      <c r="I74" s="2" t="s">
        <v>112</v>
      </c>
      <c r="J74" s="2" t="s">
        <v>218</v>
      </c>
      <c r="K74" s="2">
        <v>9</v>
      </c>
      <c r="L74" s="2">
        <v>9</v>
      </c>
      <c r="M74" s="7" t="s">
        <v>3</v>
      </c>
      <c r="N74" s="7" t="s">
        <v>3</v>
      </c>
      <c r="O74" s="8" t="s">
        <v>530</v>
      </c>
      <c r="P74" s="2" t="s">
        <v>532</v>
      </c>
      <c r="Q74" s="2" t="s">
        <v>538</v>
      </c>
      <c r="R74" s="7" t="s">
        <v>615</v>
      </c>
      <c r="S74" s="9">
        <v>40269</v>
      </c>
      <c r="T74" s="9">
        <v>40269</v>
      </c>
      <c r="U74" s="14">
        <v>34.720699199999999</v>
      </c>
      <c r="V74" s="14">
        <v>131.85636310000001</v>
      </c>
    </row>
    <row r="75" spans="1:22" ht="18.75" customHeight="1" x14ac:dyDescent="0.15">
      <c r="A75" s="2">
        <v>74</v>
      </c>
      <c r="B75" s="2" t="s">
        <v>35</v>
      </c>
      <c r="C75" s="2" t="s">
        <v>42</v>
      </c>
      <c r="D75" s="2"/>
      <c r="E75" s="2" t="s">
        <v>622</v>
      </c>
      <c r="F75" s="2" t="s">
        <v>375</v>
      </c>
      <c r="G75" s="2" t="s">
        <v>43</v>
      </c>
      <c r="H75" s="2" t="s">
        <v>380</v>
      </c>
      <c r="I75" s="2" t="s">
        <v>113</v>
      </c>
      <c r="J75" s="2" t="s">
        <v>218</v>
      </c>
      <c r="K75" s="2">
        <v>6</v>
      </c>
      <c r="L75" s="2">
        <v>6</v>
      </c>
      <c r="M75" s="7" t="s">
        <v>3</v>
      </c>
      <c r="N75" s="7" t="s">
        <v>3</v>
      </c>
      <c r="O75" s="8" t="s">
        <v>531</v>
      </c>
      <c r="P75" s="2" t="s">
        <v>532</v>
      </c>
      <c r="Q75" s="2" t="s">
        <v>538</v>
      </c>
      <c r="R75" s="7" t="s">
        <v>547</v>
      </c>
      <c r="S75" s="9">
        <v>40269</v>
      </c>
      <c r="T75" s="9">
        <v>40269</v>
      </c>
      <c r="U75" s="14">
        <v>34.572454299999997</v>
      </c>
      <c r="V75" s="14">
        <v>132.01849480000001</v>
      </c>
    </row>
    <row r="76" spans="1:22" ht="18.75" customHeight="1" x14ac:dyDescent="0.15">
      <c r="A76" s="4"/>
      <c r="B76" s="4"/>
      <c r="C76" s="3"/>
      <c r="D76" s="3"/>
      <c r="E76" s="3"/>
      <c r="F76" s="4"/>
      <c r="G76" s="4"/>
      <c r="H76" s="4"/>
      <c r="I76" s="4"/>
      <c r="J76" s="4"/>
      <c r="K76" s="4"/>
      <c r="L76" s="4"/>
      <c r="M76" s="3"/>
      <c r="N76" s="3"/>
      <c r="O76" s="3"/>
      <c r="P76" s="3"/>
      <c r="Q76" s="3"/>
      <c r="R76" s="3"/>
      <c r="S76" s="3"/>
      <c r="T76" s="4"/>
      <c r="U76" s="4"/>
      <c r="V76" s="4"/>
    </row>
    <row r="77" spans="1:22" ht="18.75" customHeight="1" x14ac:dyDescent="0.15">
      <c r="B77" s="4"/>
      <c r="C77" s="3"/>
      <c r="D77" s="3"/>
      <c r="E77" s="3"/>
      <c r="F77" s="4"/>
      <c r="G77" s="4"/>
      <c r="H77" s="4"/>
      <c r="I77" s="4"/>
      <c r="J77" s="4"/>
      <c r="K77" s="4"/>
      <c r="L77" s="4"/>
      <c r="M77" s="3"/>
      <c r="N77" s="3"/>
      <c r="O77" s="5"/>
      <c r="P77" s="5"/>
      <c r="Q77" s="5"/>
      <c r="R77" s="3"/>
      <c r="S77" s="6"/>
      <c r="T77" s="4"/>
      <c r="U77" s="4"/>
      <c r="V77" s="4"/>
    </row>
  </sheetData>
  <phoneticPr fontId="2"/>
  <printOptions horizontalCentered="1"/>
  <pageMargins left="0.23622047244094491" right="0.23622047244094491" top="0.15748031496062992" bottom="0.11811023622047245" header="0.31496062992125984" footer="0.11811023622047245"/>
  <pageSetup paperSize="9" scale="67" fitToHeight="0" orientation="landscape" r:id="rId1"/>
  <headerFooter alignWithMargins="0">
    <oddFooter>&amp;P / &amp;N ページ</oddFooter>
  </headerFooter>
  <rowBreaks count="4" manualBreakCount="4">
    <brk id="23" max="19" man="1"/>
    <brk id="45" max="19" man="1"/>
    <brk id="67" max="19" man="1"/>
    <brk id="75" max="19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3</vt:i4>
      </vt:variant>
    </vt:vector>
  </HeadingPairs>
  <TitlesOfParts>
    <vt:vector size="4" baseType="lpstr">
      <vt:lpstr>有料老人ホーム(島根）</vt:lpstr>
      <vt:lpstr>'有料老人ホーム(島根）'!Print_Area</vt:lpstr>
      <vt:lpstr>'有料老人ホーム(島根）'!Print_Titles</vt:lpstr>
      <vt:lpstr>'有料老人ホーム(島根）'!text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s00150</cp:lastModifiedBy>
  <cp:lastPrinted>2017-02-14T07:36:50Z</cp:lastPrinted>
  <dcterms:created xsi:type="dcterms:W3CDTF">2004-11-04T00:56:21Z</dcterms:created>
  <dcterms:modified xsi:type="dcterms:W3CDTF">2017-03-14T02:48:24Z</dcterms:modified>
</cp:coreProperties>
</file>